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iPK0100\02_共用(B)$\i1399\Downloads\"/>
    </mc:Choice>
  </mc:AlternateContent>
  <bookViews>
    <workbookView xWindow="0" yWindow="0" windowWidth="28800" windowHeight="12450"/>
  </bookViews>
  <sheets>
    <sheet name="土地・気象" sheetId="1" r:id="rId1"/>
  </sheets>
  <definedNames>
    <definedName name="_xlnm.Print_Area" localSheetId="0">土地・気象!$A$1:$AG$143</definedName>
    <definedName name="Z_FB6DA136_09B9_4A8A_B1B4_E1EF2B675A6E_.wvu.PrintArea" localSheetId="0" hidden="1">土地・気象!$A$1:$AG$143</definedName>
  </definedNames>
  <calcPr calcId="191029"/>
  <customWorkbookViews>
    <customWorkbookView name="972 - 個人用ビュー" guid="{FB6DA136-09B9-4A8A-B1B4-E1EF2B675A6E}" mergeInterval="0" personalView="1" maximized="1" windowWidth="1020" windowHeight="579" activeSheetId="1" showComments="commNone"/>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63" uniqueCount="150">
  <si>
    <t>〔　沿　革　〕</t>
  </si>
  <si>
    <t>１．市の沿革</t>
  </si>
  <si>
    <t>２．位置と面積</t>
  </si>
  <si>
    <t>３．地　形</t>
  </si>
  <si>
    <t>４．地　質</t>
  </si>
  <si>
    <t>区分</t>
    <rPh sb="0" eb="2">
      <t>クブン</t>
    </rPh>
    <phoneticPr fontId="2"/>
  </si>
  <si>
    <t>明治7年2月</t>
    <rPh sb="0" eb="2">
      <t>メイジ</t>
    </rPh>
    <rPh sb="3" eb="4">
      <t>ネン</t>
    </rPh>
    <rPh sb="5" eb="6">
      <t>ツキ</t>
    </rPh>
    <phoneticPr fontId="2"/>
  </si>
  <si>
    <t>明治9年7月</t>
    <rPh sb="0" eb="2">
      <t>メイジ</t>
    </rPh>
    <rPh sb="3" eb="4">
      <t>ネン</t>
    </rPh>
    <rPh sb="5" eb="6">
      <t>ツキ</t>
    </rPh>
    <phoneticPr fontId="2"/>
  </si>
  <si>
    <t>明治22年4月</t>
    <rPh sb="0" eb="2">
      <t>メイジ</t>
    </rPh>
    <rPh sb="4" eb="5">
      <t>ネン</t>
    </rPh>
    <rPh sb="6" eb="7">
      <t>ツキ</t>
    </rPh>
    <phoneticPr fontId="2"/>
  </si>
  <si>
    <t>明治39年10月</t>
    <rPh sb="0" eb="2">
      <t>メイジ</t>
    </rPh>
    <rPh sb="4" eb="5">
      <t>ネン</t>
    </rPh>
    <rPh sb="7" eb="8">
      <t>ツキ</t>
    </rPh>
    <phoneticPr fontId="2"/>
  </si>
  <si>
    <t>昭和26年4月</t>
    <rPh sb="0" eb="2">
      <t>ショウワ</t>
    </rPh>
    <rPh sb="4" eb="5">
      <t>ネン</t>
    </rPh>
    <rPh sb="6" eb="7">
      <t>ツキ</t>
    </rPh>
    <phoneticPr fontId="2"/>
  </si>
  <si>
    <t>平成9年4月</t>
    <rPh sb="0" eb="2">
      <t>ヘイセイ</t>
    </rPh>
    <rPh sb="3" eb="4">
      <t>ネン</t>
    </rPh>
    <rPh sb="5" eb="6">
      <t>ツキ</t>
    </rPh>
    <phoneticPr fontId="2"/>
  </si>
  <si>
    <t>綴　喜　郡</t>
    <rPh sb="0" eb="5">
      <t>ツヅキグン</t>
    </rPh>
    <phoneticPr fontId="2"/>
  </si>
  <si>
    <t>田辺村</t>
    <rPh sb="0" eb="2">
      <t>タナベ</t>
    </rPh>
    <rPh sb="2" eb="3">
      <t>ムラ</t>
    </rPh>
    <phoneticPr fontId="2"/>
  </si>
  <si>
    <t>田辺村</t>
    <rPh sb="0" eb="2">
      <t>タナベチョウ</t>
    </rPh>
    <rPh sb="2" eb="3">
      <t>ムラ</t>
    </rPh>
    <phoneticPr fontId="2"/>
  </si>
  <si>
    <t>田辺町</t>
    <rPh sb="0" eb="3">
      <t>タナベチョウ</t>
    </rPh>
    <phoneticPr fontId="2"/>
  </si>
  <si>
    <t>京田辺市</t>
    <rPh sb="0" eb="4">
      <t>キョウタナベシ</t>
    </rPh>
    <phoneticPr fontId="2"/>
  </si>
  <si>
    <t>田辺新田村</t>
    <rPh sb="0" eb="2">
      <t>タナベ</t>
    </rPh>
    <rPh sb="2" eb="4">
      <t>シンデン</t>
    </rPh>
    <rPh sb="4" eb="5">
      <t>ムラ</t>
    </rPh>
    <phoneticPr fontId="2"/>
  </si>
  <si>
    <t>北興戸村</t>
    <rPh sb="0" eb="1">
      <t>キタ</t>
    </rPh>
    <rPh sb="1" eb="3">
      <t>コウド</t>
    </rPh>
    <rPh sb="3" eb="4">
      <t>ムラ</t>
    </rPh>
    <phoneticPr fontId="2"/>
  </si>
  <si>
    <t>興戸村</t>
    <rPh sb="0" eb="2">
      <t>コウド</t>
    </rPh>
    <rPh sb="2" eb="3">
      <t>ムラ</t>
    </rPh>
    <phoneticPr fontId="2"/>
  </si>
  <si>
    <t>南興戸村</t>
    <rPh sb="0" eb="1">
      <t>ミナミ</t>
    </rPh>
    <rPh sb="1" eb="3">
      <t>コウド</t>
    </rPh>
    <rPh sb="3" eb="4">
      <t>ムラ</t>
    </rPh>
    <phoneticPr fontId="2"/>
  </si>
  <si>
    <t>薪村</t>
    <rPh sb="0" eb="1">
      <t>タキギ</t>
    </rPh>
    <rPh sb="1" eb="2">
      <t>ムラ</t>
    </rPh>
    <phoneticPr fontId="2"/>
  </si>
  <si>
    <t>河原村</t>
    <rPh sb="0" eb="2">
      <t>カワラ</t>
    </rPh>
    <rPh sb="2" eb="3">
      <t>ムラ</t>
    </rPh>
    <phoneticPr fontId="2"/>
  </si>
  <si>
    <t>大住村</t>
    <rPh sb="0" eb="2">
      <t>オオスミ</t>
    </rPh>
    <rPh sb="2" eb="3">
      <t>ムラ</t>
    </rPh>
    <phoneticPr fontId="2"/>
  </si>
  <si>
    <t>大住村</t>
    <rPh sb="0" eb="3">
      <t>オオスミムラ</t>
    </rPh>
    <phoneticPr fontId="2"/>
  </si>
  <si>
    <t>松井村</t>
    <rPh sb="0" eb="3">
      <t>マツイムラ</t>
    </rPh>
    <phoneticPr fontId="2"/>
  </si>
  <si>
    <t>水主村</t>
    <rPh sb="0" eb="1">
      <t>ミズ</t>
    </rPh>
    <rPh sb="1" eb="2">
      <t>ヌシ</t>
    </rPh>
    <rPh sb="2" eb="3">
      <t>ムラ</t>
    </rPh>
    <phoneticPr fontId="2"/>
  </si>
  <si>
    <t>（久世郡へ）</t>
    <rPh sb="1" eb="3">
      <t>クゼ</t>
    </rPh>
    <rPh sb="3" eb="4">
      <t>グン</t>
    </rPh>
    <phoneticPr fontId="2"/>
  </si>
  <si>
    <t>東村</t>
    <rPh sb="0" eb="2">
      <t>ヒガシムラ</t>
    </rPh>
    <phoneticPr fontId="2"/>
  </si>
  <si>
    <t>草内村</t>
    <rPh sb="0" eb="1">
      <t>クサ</t>
    </rPh>
    <rPh sb="1" eb="3">
      <t>ウチムラ</t>
    </rPh>
    <phoneticPr fontId="2"/>
  </si>
  <si>
    <t>飯岡村</t>
    <rPh sb="0" eb="2">
      <t>イノオカ</t>
    </rPh>
    <rPh sb="2" eb="3">
      <t>ムラ</t>
    </rPh>
    <phoneticPr fontId="2"/>
  </si>
  <si>
    <t>宮ノ口村</t>
    <rPh sb="0" eb="1">
      <t>ミヤ</t>
    </rPh>
    <rPh sb="2" eb="3">
      <t>クチ</t>
    </rPh>
    <rPh sb="3" eb="4">
      <t>ムラ</t>
    </rPh>
    <phoneticPr fontId="2"/>
  </si>
  <si>
    <t>宮 津 村</t>
    <rPh sb="0" eb="3">
      <t>ミヤヅ</t>
    </rPh>
    <rPh sb="4" eb="5">
      <t>ムラ</t>
    </rPh>
    <phoneticPr fontId="2"/>
  </si>
  <si>
    <t>三山木村</t>
    <rPh sb="0" eb="2">
      <t>ミヤマ</t>
    </rPh>
    <rPh sb="2" eb="4">
      <t>キムラ</t>
    </rPh>
    <phoneticPr fontId="2"/>
  </si>
  <si>
    <t>江津村</t>
    <rPh sb="0" eb="1">
      <t>エ</t>
    </rPh>
    <rPh sb="1" eb="2">
      <t>ツ</t>
    </rPh>
    <rPh sb="2" eb="3">
      <t>ムラ</t>
    </rPh>
    <phoneticPr fontId="2"/>
  </si>
  <si>
    <t>山本村</t>
    <rPh sb="0" eb="2">
      <t>ヤマモト</t>
    </rPh>
    <rPh sb="2" eb="3">
      <t>ムラ</t>
    </rPh>
    <phoneticPr fontId="2"/>
  </si>
  <si>
    <t>南山村</t>
    <rPh sb="0" eb="2">
      <t>ミナミヤマ</t>
    </rPh>
    <rPh sb="2" eb="3">
      <t>ムラ</t>
    </rPh>
    <phoneticPr fontId="2"/>
  </si>
  <si>
    <t>出垣内村</t>
    <rPh sb="0" eb="1">
      <t>デ</t>
    </rPh>
    <rPh sb="1" eb="3">
      <t>カキウチ</t>
    </rPh>
    <rPh sb="3" eb="4">
      <t>ムラ</t>
    </rPh>
    <phoneticPr fontId="2"/>
  </si>
  <si>
    <t>高木村</t>
    <rPh sb="0" eb="2">
      <t>タカギ</t>
    </rPh>
    <rPh sb="2" eb="3">
      <t>ムラ</t>
    </rPh>
    <phoneticPr fontId="2"/>
  </si>
  <si>
    <t>天王村</t>
    <rPh sb="0" eb="2">
      <t>テンノウ</t>
    </rPh>
    <rPh sb="2" eb="3">
      <t>ムラ</t>
    </rPh>
    <phoneticPr fontId="2"/>
  </si>
  <si>
    <t>普賢寺村</t>
    <rPh sb="0" eb="3">
      <t>フゲンジ</t>
    </rPh>
    <rPh sb="3" eb="4">
      <t>ムラ</t>
    </rPh>
    <phoneticPr fontId="2"/>
  </si>
  <si>
    <t>高船村</t>
    <rPh sb="0" eb="2">
      <t>タカフネ</t>
    </rPh>
    <rPh sb="2" eb="3">
      <t>ムラ</t>
    </rPh>
    <phoneticPr fontId="2"/>
  </si>
  <si>
    <t>打田村</t>
    <rPh sb="0" eb="2">
      <t>ウッタ</t>
    </rPh>
    <rPh sb="2" eb="3">
      <t>ムラ</t>
    </rPh>
    <phoneticPr fontId="2"/>
  </si>
  <si>
    <t>水取村</t>
    <rPh sb="0" eb="2">
      <t>ミズトリ</t>
    </rPh>
    <rPh sb="2" eb="3">
      <t>ムラ</t>
    </rPh>
    <phoneticPr fontId="2"/>
  </si>
  <si>
    <t>上村</t>
    <rPh sb="0" eb="1">
      <t>ウエ</t>
    </rPh>
    <rPh sb="1" eb="2">
      <t>ムラ</t>
    </rPh>
    <phoneticPr fontId="2"/>
  </si>
  <si>
    <t>多々羅村</t>
    <rPh sb="0" eb="3">
      <t>タタラ</t>
    </rPh>
    <rPh sb="3" eb="4">
      <t>ムラ</t>
    </rPh>
    <phoneticPr fontId="2"/>
  </si>
  <si>
    <t>資料：田辺町史ほか</t>
    <rPh sb="0" eb="2">
      <t>シリョウ</t>
    </rPh>
    <rPh sb="3" eb="5">
      <t>タナベ</t>
    </rPh>
    <rPh sb="5" eb="7">
      <t>チョウシ</t>
    </rPh>
    <phoneticPr fontId="2"/>
  </si>
  <si>
    <t>〔　土　地　〕</t>
    <rPh sb="2" eb="5">
      <t>トチ</t>
    </rPh>
    <phoneticPr fontId="2"/>
  </si>
  <si>
    <t>市役所の位置</t>
    <rPh sb="0" eb="3">
      <t>シヤクショ</t>
    </rPh>
    <rPh sb="4" eb="6">
      <t>イチ</t>
    </rPh>
    <phoneticPr fontId="2"/>
  </si>
  <si>
    <t>広ぼう（㎞）</t>
    <rPh sb="0" eb="1">
      <t>ヒロ</t>
    </rPh>
    <phoneticPr fontId="2"/>
  </si>
  <si>
    <t>総面積</t>
    <rPh sb="0" eb="3">
      <t>ソウメンセキ</t>
    </rPh>
    <phoneticPr fontId="2"/>
  </si>
  <si>
    <t>東　経</t>
    <rPh sb="0" eb="3">
      <t>トウケイ</t>
    </rPh>
    <phoneticPr fontId="2"/>
  </si>
  <si>
    <t>北　緯</t>
    <rPh sb="0" eb="3">
      <t>ホクイ</t>
    </rPh>
    <phoneticPr fontId="2"/>
  </si>
  <si>
    <t>東　西</t>
    <rPh sb="0" eb="3">
      <t>トウザイ</t>
    </rPh>
    <phoneticPr fontId="2"/>
  </si>
  <si>
    <t>南　北</t>
    <rPh sb="0" eb="3">
      <t>ナンボク</t>
    </rPh>
    <phoneticPr fontId="2"/>
  </si>
  <si>
    <t>資料：国土地理院</t>
    <rPh sb="0" eb="2">
      <t>シリョウ</t>
    </rPh>
    <rPh sb="3" eb="8">
      <t>コクドチリイン</t>
    </rPh>
    <phoneticPr fontId="2"/>
  </si>
  <si>
    <t>（各年１月１日現在調）</t>
    <rPh sb="1" eb="3">
      <t>カクネン</t>
    </rPh>
    <rPh sb="4" eb="5">
      <t>ガツ</t>
    </rPh>
    <rPh sb="6" eb="7">
      <t>ニチ</t>
    </rPh>
    <rPh sb="7" eb="9">
      <t>ゲンザイ</t>
    </rPh>
    <rPh sb="9" eb="10">
      <t>シラ</t>
    </rPh>
    <phoneticPr fontId="2"/>
  </si>
  <si>
    <t>単位：ha</t>
    <rPh sb="0" eb="2">
      <t>タンイ</t>
    </rPh>
    <phoneticPr fontId="2"/>
  </si>
  <si>
    <t>資料：税務課</t>
    <rPh sb="0" eb="2">
      <t>シリョウ</t>
    </rPh>
    <rPh sb="3" eb="6">
      <t>ゼイムカ</t>
    </rPh>
    <phoneticPr fontId="2"/>
  </si>
  <si>
    <t>〔　気　象　〕</t>
    <rPh sb="2" eb="5">
      <t>キショウ</t>
    </rPh>
    <phoneticPr fontId="2"/>
  </si>
  <si>
    <t>１月</t>
  </si>
  <si>
    <t>２月</t>
  </si>
  <si>
    <t>３月</t>
  </si>
  <si>
    <t>４月</t>
  </si>
  <si>
    <t>５月</t>
  </si>
  <si>
    <t>６月</t>
  </si>
  <si>
    <t>７月</t>
  </si>
  <si>
    <t>８月</t>
  </si>
  <si>
    <t>９月</t>
  </si>
  <si>
    <t>１０月</t>
  </si>
  <si>
    <t>１１月</t>
  </si>
  <si>
    <t>１２月</t>
  </si>
  <si>
    <t>警報</t>
  </si>
  <si>
    <t>注意報</t>
  </si>
  <si>
    <t>情報・連絡</t>
  </si>
  <si>
    <t>１３５度４６分０４秒</t>
    <rPh sb="3" eb="4">
      <t>ド</t>
    </rPh>
    <rPh sb="6" eb="7">
      <t>フン</t>
    </rPh>
    <rPh sb="9" eb="10">
      <t>ビョウ</t>
    </rPh>
    <phoneticPr fontId="2"/>
  </si>
  <si>
    <t>３４度４８分５２秒</t>
    <rPh sb="2" eb="3">
      <t>ド</t>
    </rPh>
    <rPh sb="5" eb="6">
      <t>フン</t>
    </rPh>
    <rPh sb="8" eb="9">
      <t>ビョウ</t>
    </rPh>
    <phoneticPr fontId="2"/>
  </si>
  <si>
    <t>区分</t>
  </si>
  <si>
    <t>総数</t>
  </si>
  <si>
    <t>田</t>
  </si>
  <si>
    <t>畑</t>
  </si>
  <si>
    <t>池・沼</t>
  </si>
  <si>
    <t>その他</t>
  </si>
  <si>
    <t>資料：税務課</t>
  </si>
  <si>
    <t>単位：千㎡</t>
  </si>
  <si>
    <t>総　数</t>
  </si>
  <si>
    <t>宅　地</t>
  </si>
  <si>
    <t>山　林</t>
  </si>
  <si>
    <t>原　野</t>
  </si>
  <si>
    <t>地域</t>
  </si>
  <si>
    <t>大　住</t>
  </si>
  <si>
    <t>田　辺</t>
  </si>
  <si>
    <t>草　内</t>
  </si>
  <si>
    <t>三山木</t>
  </si>
  <si>
    <t>普賢寺</t>
  </si>
  <si>
    <t>年次</t>
  </si>
  <si>
    <t>種別</t>
  </si>
  <si>
    <t>合計</t>
  </si>
  <si>
    <t>大雨</t>
  </si>
  <si>
    <t>洪水</t>
  </si>
  <si>
    <t>大雪</t>
  </si>
  <si>
    <t>風雪</t>
  </si>
  <si>
    <t>強風</t>
  </si>
  <si>
    <t>霜</t>
  </si>
  <si>
    <t>乾燥</t>
  </si>
  <si>
    <t>濃霧</t>
  </si>
  <si>
    <t>雷</t>
  </si>
  <si>
    <t>暴風</t>
  </si>
  <si>
    <t>台風</t>
  </si>
  <si>
    <t>なだれ</t>
  </si>
  <si>
    <t>高山ダム放流</t>
  </si>
  <si>
    <t>資料：消防本部</t>
  </si>
  <si>
    <t>（ｋ㎡）</t>
    <phoneticPr fontId="2"/>
  </si>
  <si>
    <t>５．５</t>
    <phoneticPr fontId="2"/>
  </si>
  <si>
    <t>１０．９</t>
    <phoneticPr fontId="2"/>
  </si>
  <si>
    <t>宅地</t>
  </si>
  <si>
    <t>山林</t>
  </si>
  <si>
    <t>原野</t>
  </si>
  <si>
    <t>鉄道軌道
用地</t>
  </si>
  <si>
    <t>年</t>
  </si>
  <si>
    <t>ゴルフ場  等</t>
  </si>
  <si>
    <t>気温 (℃)</t>
  </si>
  <si>
    <t>降水量　(㎜)</t>
  </si>
  <si>
    <t>降水日数（１㎜以上)</t>
  </si>
  <si>
    <t>風向・風速　(m/sec)</t>
  </si>
  <si>
    <t>平均</t>
  </si>
  <si>
    <t>最高</t>
  </si>
  <si>
    <t>最低</t>
  </si>
  <si>
    <t>総量</t>
  </si>
  <si>
    <t>日最大</t>
  </si>
  <si>
    <t>平均風速</t>
  </si>
  <si>
    <t>最多風向</t>
  </si>
  <si>
    <t>最大風速</t>
  </si>
  <si>
    <t>雨量</t>
  </si>
  <si>
    <t>資料：消防本部</t>
    <phoneticPr fontId="2"/>
  </si>
  <si>
    <t>４２．９２</t>
    <phoneticPr fontId="2"/>
  </si>
  <si>
    <t>５．土地利用</t>
    <rPh sb="2" eb="6">
      <t>トチリヨウ</t>
    </rPh>
    <phoneticPr fontId="2"/>
  </si>
  <si>
    <t>６．課税対象面積</t>
    <rPh sb="2" eb="4">
      <t>カゼイ</t>
    </rPh>
    <rPh sb="4" eb="6">
      <t>タイショウ</t>
    </rPh>
    <rPh sb="6" eb="8">
      <t>メンセキ</t>
    </rPh>
    <phoneticPr fontId="2"/>
  </si>
  <si>
    <t>７．気象概況</t>
    <rPh sb="2" eb="4">
      <t>キショウ</t>
    </rPh>
    <rPh sb="4" eb="6">
      <t>ガイキョウ</t>
    </rPh>
    <phoneticPr fontId="2"/>
  </si>
  <si>
    <t>８．警報・注意報等の状況</t>
    <rPh sb="2" eb="4">
      <t>ケイホウ</t>
    </rPh>
    <rPh sb="5" eb="8">
      <t>チュウイホウ</t>
    </rPh>
    <rPh sb="8" eb="9">
      <t>トウ</t>
    </rPh>
    <rPh sb="10" eb="12">
      <t>ジョウキョウ</t>
    </rPh>
    <phoneticPr fontId="2"/>
  </si>
  <si>
    <t>西南西</t>
  </si>
  <si>
    <t>-</t>
  </si>
  <si>
    <t>ゴルフ場　等</t>
    <phoneticPr fontId="2"/>
  </si>
  <si>
    <t>（令和７年１月１日現在調）</t>
    <rPh sb="1" eb="3">
      <t>レイワ</t>
    </rPh>
    <rPh sb="4" eb="5">
      <t>ネン</t>
    </rPh>
    <phoneticPr fontId="2"/>
  </si>
  <si>
    <t>北西</t>
  </si>
  <si>
    <t>西</t>
  </si>
  <si>
    <t>南西</t>
  </si>
  <si>
    <t>東北東</t>
  </si>
  <si>
    <t>南</t>
  </si>
  <si>
    <t>-</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0">
    <numFmt numFmtId="42" formatCode="_ &quot;¥&quot;* #,##0_ ;_ &quot;¥&quot;* \-#,##0_ ;_ &quot;¥&quot;* &quot;-&quot;_ ;_ @_ "/>
    <numFmt numFmtId="176" formatCode="#,##0_ "/>
    <numFmt numFmtId="177" formatCode="#,##0;&quot;△ &quot;#,##0"/>
    <numFmt numFmtId="178" formatCode="#,##0.0_ "/>
    <numFmt numFmtId="179" formatCode="#,##0.0;&quot;△ &quot;#,##0.0"/>
    <numFmt numFmtId="180" formatCode="#,##0_ ;[Red]\-#,##0\ "/>
    <numFmt numFmtId="181" formatCode="0&quot;年&quot;"/>
    <numFmt numFmtId="182" formatCode="#,##0_ ;@\ "/>
    <numFmt numFmtId="183" formatCode="&quot;令和 &quot;0&quot;年&quot;"/>
    <numFmt numFmtId="184" formatCode="0_);[Red]\(0\)"/>
  </numFmts>
  <fonts count="22">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4"/>
      <name val="ＭＳ Ｐゴシック"/>
      <family val="3"/>
      <charset val="128"/>
    </font>
    <font>
      <b/>
      <sz val="12"/>
      <name val="ＭＳ Ｐゴシック"/>
      <family val="3"/>
      <charset val="128"/>
    </font>
    <font>
      <sz val="10"/>
      <name val="ＭＳ Ｐ明朝"/>
      <family val="1"/>
      <charset val="128"/>
    </font>
    <font>
      <sz val="8"/>
      <name val="ＭＳ Ｐ明朝"/>
      <family val="1"/>
      <charset val="128"/>
    </font>
    <font>
      <sz val="10"/>
      <name val="ＭＳ 明朝"/>
      <family val="1"/>
      <charset val="128"/>
    </font>
    <font>
      <sz val="10"/>
      <name val="ＭＳ Ｐゴシック"/>
      <family val="3"/>
      <charset val="128"/>
    </font>
    <font>
      <b/>
      <sz val="14"/>
      <name val="ＭＳ Ｐゴシック"/>
      <family val="3"/>
      <charset val="128"/>
    </font>
    <font>
      <b/>
      <sz val="10"/>
      <name val="ＭＳ Ｐゴシック"/>
      <family val="3"/>
      <charset val="128"/>
    </font>
    <font>
      <sz val="9"/>
      <name val="ＭＳ Ｐ明朝"/>
      <family val="1"/>
      <charset val="128"/>
    </font>
    <font>
      <sz val="9"/>
      <name val="ＭＳ 明朝"/>
      <family val="1"/>
      <charset val="128"/>
    </font>
    <font>
      <sz val="9"/>
      <name val="ＭＳ Ｐゴシック"/>
      <family val="3"/>
      <charset val="128"/>
    </font>
    <font>
      <sz val="11"/>
      <name val="ＭＳ Ｐゴシック"/>
      <family val="3"/>
      <charset val="128"/>
    </font>
    <font>
      <b/>
      <sz val="8"/>
      <name val="ＭＳ Ｐゴシック"/>
      <family val="3"/>
      <charset val="128"/>
    </font>
    <font>
      <b/>
      <sz val="9"/>
      <name val="ＭＳ Ｐゴシック"/>
      <family val="3"/>
      <charset val="128"/>
    </font>
    <font>
      <sz val="11"/>
      <color rgb="FFFF0000"/>
      <name val="ＭＳ Ｐゴシック"/>
      <family val="3"/>
      <charset val="128"/>
    </font>
    <font>
      <sz val="10"/>
      <color theme="1"/>
      <name val="ＭＳ Ｐ明朝"/>
      <family val="1"/>
      <charset val="128"/>
    </font>
    <font>
      <b/>
      <sz val="10"/>
      <color theme="1"/>
      <name val="ＭＳ Ｐゴシック"/>
      <family val="3"/>
      <charset val="128"/>
    </font>
    <font>
      <b/>
      <sz val="10"/>
      <name val="ＭＳ Ｐゴシック"/>
      <family val="3"/>
      <charset val="128"/>
      <scheme val="major"/>
    </font>
  </fonts>
  <fills count="3">
    <fill>
      <patternFill patternType="none"/>
    </fill>
    <fill>
      <patternFill patternType="gray125"/>
    </fill>
    <fill>
      <patternFill patternType="solid">
        <fgColor indexed="9"/>
        <bgColor indexed="64"/>
      </patternFill>
    </fill>
  </fills>
  <borders count="42">
    <border>
      <left/>
      <right/>
      <top/>
      <bottom/>
      <diagonal/>
    </border>
    <border>
      <left/>
      <right/>
      <top style="thin">
        <color indexed="64"/>
      </top>
      <bottom/>
      <diagonal/>
    </border>
    <border>
      <left/>
      <right style="thin">
        <color indexed="64"/>
      </right>
      <top style="thin">
        <color indexed="64"/>
      </top>
      <bottom/>
      <diagonal/>
    </border>
    <border>
      <left style="hair">
        <color indexed="64"/>
      </left>
      <right/>
      <top/>
      <bottom style="hair">
        <color indexed="64"/>
      </bottom>
      <diagonal/>
    </border>
    <border>
      <left/>
      <right style="thin">
        <color indexed="64"/>
      </right>
      <top/>
      <bottom/>
      <diagonal/>
    </border>
    <border>
      <left/>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hair">
        <color indexed="64"/>
      </left>
      <right/>
      <top style="thin">
        <color indexed="64"/>
      </top>
      <bottom/>
      <diagonal/>
    </border>
    <border>
      <left style="thin">
        <color indexed="64"/>
      </left>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hair">
        <color indexed="64"/>
      </left>
      <right/>
      <top/>
      <bottom/>
      <diagonal/>
    </border>
    <border>
      <left/>
      <right style="hair">
        <color indexed="64"/>
      </right>
      <top/>
      <bottom/>
      <diagonal/>
    </border>
    <border>
      <left style="thin">
        <color indexed="64"/>
      </left>
      <right/>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right/>
      <top/>
      <bottom style="hair">
        <color indexed="64"/>
      </bottom>
      <diagonal/>
    </border>
    <border>
      <left/>
      <right style="hair">
        <color indexed="64"/>
      </right>
      <top/>
      <bottom style="hair">
        <color indexed="64"/>
      </bottom>
      <diagonal/>
    </border>
    <border>
      <left style="thin">
        <color indexed="64"/>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thin">
        <color indexed="64"/>
      </top>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diagonal/>
    </border>
    <border>
      <left/>
      <right style="hair">
        <color indexed="64"/>
      </right>
      <top style="thin">
        <color indexed="64"/>
      </top>
      <bottom/>
      <diagonal/>
    </border>
    <border>
      <left/>
      <right style="thin">
        <color indexed="64"/>
      </right>
      <top/>
      <bottom style="thin">
        <color indexed="64"/>
      </bottom>
      <diagonal/>
    </border>
    <border>
      <left/>
      <right style="thin">
        <color indexed="64"/>
      </right>
      <top style="hair">
        <color indexed="64"/>
      </top>
      <bottom/>
      <diagonal/>
    </border>
    <border>
      <left/>
      <right style="thin">
        <color indexed="64"/>
      </right>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s>
  <cellStyleXfs count="2">
    <xf numFmtId="0" fontId="0" fillId="0" borderId="0"/>
    <xf numFmtId="38" fontId="1" fillId="0" borderId="0" applyFont="0" applyFill="0" applyBorder="0" applyAlignment="0" applyProtection="0"/>
  </cellStyleXfs>
  <cellXfs count="297">
    <xf numFmtId="0" fontId="0" fillId="0" borderId="0" xfId="0"/>
    <xf numFmtId="177" fontId="3" fillId="0" borderId="0" xfId="0" applyNumberFormat="1" applyFont="1" applyAlignment="1">
      <alignment vertical="center"/>
    </xf>
    <xf numFmtId="177" fontId="6" fillId="0" borderId="0" xfId="0" applyNumberFormat="1" applyFont="1" applyAlignment="1">
      <alignment horizontal="left" vertical="center"/>
    </xf>
    <xf numFmtId="177" fontId="6" fillId="0" borderId="0" xfId="0" applyNumberFormat="1" applyFont="1" applyAlignment="1">
      <alignment vertical="center"/>
    </xf>
    <xf numFmtId="177" fontId="5" fillId="0" borderId="0" xfId="0" applyNumberFormat="1" applyFont="1" applyAlignment="1">
      <alignment vertical="center"/>
    </xf>
    <xf numFmtId="177" fontId="6" fillId="0" borderId="1" xfId="0" applyNumberFormat="1" applyFont="1" applyBorder="1" applyAlignment="1">
      <alignment horizontal="left" vertical="center"/>
    </xf>
    <xf numFmtId="177" fontId="7" fillId="0" borderId="1" xfId="0" applyNumberFormat="1" applyFont="1" applyBorder="1" applyAlignment="1">
      <alignment horizontal="left" vertical="center"/>
    </xf>
    <xf numFmtId="177" fontId="6" fillId="0" borderId="2" xfId="0" applyNumberFormat="1" applyFont="1" applyBorder="1" applyAlignment="1">
      <alignment horizontal="left" vertical="center"/>
    </xf>
    <xf numFmtId="177" fontId="6" fillId="0" borderId="3" xfId="0" applyNumberFormat="1" applyFont="1" applyBorder="1" applyAlignment="1">
      <alignment horizontal="center" vertical="center"/>
    </xf>
    <xf numFmtId="177" fontId="6" fillId="0" borderId="0" xfId="0" applyNumberFormat="1" applyFont="1" applyAlignment="1">
      <alignment horizontal="center" vertical="center"/>
    </xf>
    <xf numFmtId="177" fontId="6" fillId="0" borderId="3" xfId="0" applyNumberFormat="1" applyFont="1" applyBorder="1" applyAlignment="1">
      <alignment vertical="center"/>
    </xf>
    <xf numFmtId="177" fontId="6" fillId="0" borderId="4" xfId="0" applyNumberFormat="1" applyFont="1" applyBorder="1" applyAlignment="1">
      <alignment horizontal="center" vertical="center"/>
    </xf>
    <xf numFmtId="177" fontId="6" fillId="0" borderId="0" xfId="0" applyNumberFormat="1" applyFont="1" applyAlignment="1">
      <alignment horizontal="right" vertical="center"/>
    </xf>
    <xf numFmtId="177" fontId="6" fillId="0" borderId="1" xfId="0" applyNumberFormat="1" applyFont="1" applyBorder="1" applyAlignment="1">
      <alignment horizontal="right" vertical="center"/>
    </xf>
    <xf numFmtId="177" fontId="3" fillId="0" borderId="0" xfId="0" applyNumberFormat="1" applyFont="1" applyAlignment="1">
      <alignment horizontal="right"/>
    </xf>
    <xf numFmtId="177" fontId="3" fillId="0" borderId="5" xfId="0" applyNumberFormat="1" applyFont="1" applyBorder="1" applyAlignment="1">
      <alignment horizontal="right"/>
    </xf>
    <xf numFmtId="177" fontId="3" fillId="0" borderId="1" xfId="0" applyNumberFormat="1" applyFont="1" applyBorder="1" applyAlignment="1">
      <alignment vertical="center"/>
    </xf>
    <xf numFmtId="177" fontId="4" fillId="0" borderId="0" xfId="0" applyNumberFormat="1" applyFont="1" applyAlignment="1">
      <alignment horizontal="center" vertical="center"/>
    </xf>
    <xf numFmtId="177" fontId="3" fillId="0" borderId="0" xfId="0" applyNumberFormat="1" applyFont="1" applyAlignment="1">
      <alignment horizontal="right" vertical="center"/>
    </xf>
    <xf numFmtId="178" fontId="3" fillId="0" borderId="0" xfId="0" applyNumberFormat="1" applyFont="1" applyAlignment="1">
      <alignment horizontal="right" vertical="center"/>
    </xf>
    <xf numFmtId="179" fontId="3" fillId="0" borderId="0" xfId="0" applyNumberFormat="1" applyFont="1" applyAlignment="1">
      <alignment horizontal="right" vertical="center"/>
    </xf>
    <xf numFmtId="176" fontId="3" fillId="0" borderId="0" xfId="0" applyNumberFormat="1" applyFont="1" applyAlignment="1">
      <alignment horizontal="right" vertical="center"/>
    </xf>
    <xf numFmtId="178" fontId="3" fillId="0" borderId="0" xfId="0" applyNumberFormat="1" applyFont="1" applyAlignment="1">
      <alignment horizontal="center" vertical="center" shrinkToFit="1"/>
    </xf>
    <xf numFmtId="177" fontId="15" fillId="0" borderId="0" xfId="0" applyNumberFormat="1" applyFont="1" applyAlignment="1">
      <alignment vertical="center"/>
    </xf>
    <xf numFmtId="0" fontId="6" fillId="0" borderId="0" xfId="0" applyFont="1" applyAlignment="1">
      <alignment vertical="center"/>
    </xf>
    <xf numFmtId="177" fontId="1" fillId="0" borderId="0" xfId="0" applyNumberFormat="1" applyFont="1" applyAlignment="1">
      <alignment vertical="center"/>
    </xf>
    <xf numFmtId="177" fontId="3" fillId="2" borderId="0" xfId="0" applyNumberFormat="1" applyFont="1" applyFill="1" applyAlignment="1">
      <alignment vertical="center"/>
    </xf>
    <xf numFmtId="0" fontId="1" fillId="0" borderId="0" xfId="0" applyFont="1" applyAlignment="1">
      <alignment horizontal="right" vertical="center"/>
    </xf>
    <xf numFmtId="0" fontId="18" fillId="0" borderId="1" xfId="0" applyFont="1" applyBorder="1" applyAlignment="1">
      <alignment vertical="center"/>
    </xf>
    <xf numFmtId="179" fontId="12" fillId="0" borderId="1" xfId="0" applyNumberFormat="1" applyFont="1" applyBorder="1" applyAlignment="1">
      <alignment vertical="center"/>
    </xf>
    <xf numFmtId="42" fontId="6" fillId="0" borderId="5" xfId="0" applyNumberFormat="1" applyFont="1" applyBorder="1" applyAlignment="1" applyProtection="1">
      <alignment horizontal="right" vertical="center" shrinkToFit="1"/>
      <protection locked="0"/>
    </xf>
    <xf numFmtId="176" fontId="11" fillId="0" borderId="18" xfId="0" applyNumberFormat="1" applyFont="1" applyBorder="1" applyAlignment="1">
      <alignment horizontal="right" vertical="center" shrinkToFit="1"/>
    </xf>
    <xf numFmtId="180" fontId="6" fillId="0" borderId="17" xfId="1" applyNumberFormat="1" applyFont="1" applyFill="1" applyBorder="1" applyAlignment="1" applyProtection="1">
      <alignment horizontal="right" vertical="center"/>
    </xf>
    <xf numFmtId="180" fontId="6" fillId="0" borderId="18" xfId="1" applyNumberFormat="1" applyFont="1" applyFill="1" applyBorder="1" applyAlignment="1" applyProtection="1">
      <alignment horizontal="right" vertical="center"/>
    </xf>
    <xf numFmtId="182" fontId="6" fillId="0" borderId="0" xfId="0" applyNumberFormat="1" applyFont="1" applyAlignment="1" applyProtection="1">
      <alignment horizontal="right" vertical="center"/>
      <protection locked="0"/>
    </xf>
    <xf numFmtId="176" fontId="6" fillId="0" borderId="14" xfId="0" applyNumberFormat="1" applyFont="1" applyBorder="1" applyAlignment="1">
      <alignment horizontal="right" vertical="center" shrinkToFit="1"/>
    </xf>
    <xf numFmtId="176" fontId="6" fillId="0" borderId="0" xfId="0" applyNumberFormat="1" applyFont="1" applyAlignment="1">
      <alignment horizontal="right" vertical="center" shrinkToFit="1"/>
    </xf>
    <xf numFmtId="177" fontId="17" fillId="0" borderId="23" xfId="0" applyNumberFormat="1" applyFont="1" applyBorder="1" applyAlignment="1">
      <alignment horizontal="distributed" vertical="center" justifyLastLine="1"/>
    </xf>
    <xf numFmtId="177" fontId="17" fillId="0" borderId="24" xfId="0" applyNumberFormat="1" applyFont="1" applyBorder="1" applyAlignment="1">
      <alignment horizontal="distributed" vertical="center" justifyLastLine="1"/>
    </xf>
    <xf numFmtId="177" fontId="17" fillId="0" borderId="25" xfId="0" applyNumberFormat="1" applyFont="1" applyBorder="1" applyAlignment="1">
      <alignment horizontal="distributed" vertical="center" justifyLastLine="1"/>
    </xf>
    <xf numFmtId="182" fontId="6" fillId="0" borderId="18" xfId="0" applyNumberFormat="1" applyFont="1" applyBorder="1" applyAlignment="1">
      <alignment horizontal="right" vertical="center"/>
    </xf>
    <xf numFmtId="177" fontId="12" fillId="0" borderId="24" xfId="0" applyNumberFormat="1" applyFont="1" applyBorder="1" applyAlignment="1">
      <alignment horizontal="distributed" vertical="center" justifyLastLine="1"/>
    </xf>
    <xf numFmtId="177" fontId="12" fillId="0" borderId="25" xfId="0" applyNumberFormat="1" applyFont="1" applyBorder="1" applyAlignment="1">
      <alignment horizontal="distributed" vertical="center" justifyLastLine="1"/>
    </xf>
    <xf numFmtId="177" fontId="6" fillId="0" borderId="16" xfId="0" applyNumberFormat="1" applyFont="1" applyBorder="1" applyAlignment="1">
      <alignment horizontal="center" vertical="center"/>
    </xf>
    <xf numFmtId="177" fontId="6" fillId="0" borderId="0" xfId="0" applyNumberFormat="1" applyFont="1" applyAlignment="1">
      <alignment horizontal="center" vertical="center"/>
    </xf>
    <xf numFmtId="177" fontId="6" fillId="0" borderId="15" xfId="0" applyNumberFormat="1" applyFont="1" applyBorder="1" applyAlignment="1">
      <alignment horizontal="center" vertical="center"/>
    </xf>
    <xf numFmtId="180" fontId="11" fillId="0" borderId="5" xfId="1" applyNumberFormat="1" applyFont="1" applyFill="1" applyBorder="1" applyAlignment="1" applyProtection="1">
      <alignment horizontal="right" vertical="center"/>
      <protection locked="0"/>
    </xf>
    <xf numFmtId="177" fontId="6" fillId="0" borderId="10" xfId="0" applyNumberFormat="1" applyFont="1" applyBorder="1" applyAlignment="1">
      <alignment horizontal="center" vertical="center"/>
    </xf>
    <xf numFmtId="177" fontId="6" fillId="0" borderId="1" xfId="0" applyNumberFormat="1" applyFont="1" applyBorder="1" applyAlignment="1">
      <alignment horizontal="center" vertical="center"/>
    </xf>
    <xf numFmtId="177" fontId="6" fillId="0" borderId="31" xfId="0" applyNumberFormat="1" applyFont="1" applyBorder="1" applyAlignment="1">
      <alignment horizontal="center" vertical="center"/>
    </xf>
    <xf numFmtId="177" fontId="6" fillId="0" borderId="3" xfId="0" applyNumberFormat="1" applyFont="1" applyBorder="1" applyAlignment="1">
      <alignment horizontal="center" vertical="center"/>
    </xf>
    <xf numFmtId="177" fontId="6" fillId="0" borderId="20" xfId="0" applyNumberFormat="1" applyFont="1" applyBorder="1" applyAlignment="1">
      <alignment horizontal="center" vertical="center"/>
    </xf>
    <xf numFmtId="177" fontId="6" fillId="0" borderId="21" xfId="0" applyNumberFormat="1" applyFont="1" applyBorder="1" applyAlignment="1">
      <alignment horizontal="center" vertical="center"/>
    </xf>
    <xf numFmtId="176" fontId="11" fillId="0" borderId="17" xfId="0" applyNumberFormat="1" applyFont="1" applyBorder="1" applyAlignment="1">
      <alignment horizontal="right" vertical="center" shrinkToFit="1"/>
    </xf>
    <xf numFmtId="183" fontId="6" fillId="0" borderId="27" xfId="0" applyNumberFormat="1" applyFont="1" applyBorder="1" applyAlignment="1">
      <alignment horizontal="center" vertical="center"/>
    </xf>
    <xf numFmtId="183" fontId="6" fillId="0" borderId="28" xfId="0" applyNumberFormat="1" applyFont="1" applyBorder="1" applyAlignment="1">
      <alignment horizontal="center" vertical="center"/>
    </xf>
    <xf numFmtId="183" fontId="6" fillId="0" borderId="29" xfId="0" applyNumberFormat="1" applyFont="1" applyBorder="1" applyAlignment="1">
      <alignment horizontal="center" vertical="center"/>
    </xf>
    <xf numFmtId="176" fontId="6" fillId="0" borderId="5" xfId="0" applyNumberFormat="1" applyFont="1" applyBorder="1" applyAlignment="1" applyProtection="1">
      <alignment horizontal="right" vertical="center" shrinkToFit="1"/>
      <protection locked="0"/>
    </xf>
    <xf numFmtId="177" fontId="6" fillId="0" borderId="17" xfId="0" applyNumberFormat="1" applyFont="1" applyBorder="1" applyAlignment="1">
      <alignment horizontal="distributed" vertical="center" justifyLastLine="1"/>
    </xf>
    <xf numFmtId="177" fontId="6" fillId="0" borderId="18" xfId="0" applyNumberFormat="1" applyFont="1" applyBorder="1" applyAlignment="1">
      <alignment horizontal="distributed" vertical="center" justifyLastLine="1"/>
    </xf>
    <xf numFmtId="177" fontId="6" fillId="0" borderId="19" xfId="0" applyNumberFormat="1" applyFont="1" applyBorder="1" applyAlignment="1">
      <alignment horizontal="distributed" vertical="center" justifyLastLine="1"/>
    </xf>
    <xf numFmtId="177" fontId="6" fillId="0" borderId="3" xfId="0" applyNumberFormat="1" applyFont="1" applyBorder="1" applyAlignment="1">
      <alignment horizontal="distributed" vertical="center" justifyLastLine="1"/>
    </xf>
    <xf numFmtId="177" fontId="6" fillId="0" borderId="20" xfId="0" applyNumberFormat="1" applyFont="1" applyBorder="1" applyAlignment="1">
      <alignment horizontal="distributed" vertical="center" justifyLastLine="1"/>
    </xf>
    <xf numFmtId="177" fontId="6" fillId="0" borderId="21" xfId="0" applyNumberFormat="1" applyFont="1" applyBorder="1" applyAlignment="1">
      <alignment horizontal="distributed" vertical="center" justifyLastLine="1"/>
    </xf>
    <xf numFmtId="184" fontId="6" fillId="0" borderId="5" xfId="0" applyNumberFormat="1" applyFont="1" applyBorder="1" applyAlignment="1" applyProtection="1">
      <alignment horizontal="right" vertical="center" shrinkToFit="1"/>
      <protection locked="0"/>
    </xf>
    <xf numFmtId="177" fontId="10" fillId="0" borderId="0" xfId="0" applyNumberFormat="1" applyFont="1" applyAlignment="1">
      <alignment horizontal="center" vertical="center"/>
    </xf>
    <xf numFmtId="177" fontId="12" fillId="0" borderId="17" xfId="0" applyNumberFormat="1" applyFont="1" applyBorder="1" applyAlignment="1">
      <alignment horizontal="distributed" vertical="center" wrapText="1" justifyLastLine="1"/>
    </xf>
    <xf numFmtId="177" fontId="12" fillId="0" borderId="18" xfId="0" applyNumberFormat="1" applyFont="1" applyBorder="1" applyAlignment="1">
      <alignment horizontal="distributed" vertical="center" wrapText="1" justifyLastLine="1"/>
    </xf>
    <xf numFmtId="177" fontId="12" fillId="0" borderId="19" xfId="0" applyNumberFormat="1" applyFont="1" applyBorder="1" applyAlignment="1">
      <alignment horizontal="distributed" vertical="center" wrapText="1" justifyLastLine="1"/>
    </xf>
    <xf numFmtId="177" fontId="12" fillId="0" borderId="3" xfId="0" applyNumberFormat="1" applyFont="1" applyBorder="1" applyAlignment="1">
      <alignment horizontal="distributed" vertical="center" wrapText="1" justifyLastLine="1"/>
    </xf>
    <xf numFmtId="177" fontId="12" fillId="0" borderId="20" xfId="0" applyNumberFormat="1" applyFont="1" applyBorder="1" applyAlignment="1">
      <alignment horizontal="distributed" vertical="center" wrapText="1" justifyLastLine="1"/>
    </xf>
    <xf numFmtId="177" fontId="12" fillId="0" borderId="21" xfId="0" applyNumberFormat="1" applyFont="1" applyBorder="1" applyAlignment="1">
      <alignment horizontal="distributed" vertical="center" wrapText="1" justifyLastLine="1"/>
    </xf>
    <xf numFmtId="176" fontId="6" fillId="0" borderId="0" xfId="0" applyNumberFormat="1" applyFont="1" applyAlignment="1" applyProtection="1">
      <alignment horizontal="right" vertical="center" shrinkToFit="1"/>
      <protection locked="0"/>
    </xf>
    <xf numFmtId="177" fontId="12" fillId="0" borderId="17" xfId="0" applyNumberFormat="1" applyFont="1" applyBorder="1" applyAlignment="1">
      <alignment horizontal="distributed" vertical="center" justifyLastLine="1" shrinkToFit="1"/>
    </xf>
    <xf numFmtId="177" fontId="12" fillId="0" borderId="18" xfId="0" applyNumberFormat="1" applyFont="1" applyBorder="1" applyAlignment="1">
      <alignment horizontal="distributed" vertical="center" justifyLastLine="1" shrinkToFit="1"/>
    </xf>
    <xf numFmtId="177" fontId="12" fillId="0" borderId="19" xfId="0" applyNumberFormat="1" applyFont="1" applyBorder="1" applyAlignment="1">
      <alignment horizontal="distributed" vertical="center" justifyLastLine="1" shrinkToFit="1"/>
    </xf>
    <xf numFmtId="177" fontId="12" fillId="0" borderId="3" xfId="0" applyNumberFormat="1" applyFont="1" applyBorder="1" applyAlignment="1">
      <alignment horizontal="distributed" vertical="center" justifyLastLine="1" shrinkToFit="1"/>
    </xf>
    <xf numFmtId="177" fontId="12" fillId="0" borderId="20" xfId="0" applyNumberFormat="1" applyFont="1" applyBorder="1" applyAlignment="1">
      <alignment horizontal="distributed" vertical="center" justifyLastLine="1" shrinkToFit="1"/>
    </xf>
    <xf numFmtId="177" fontId="12" fillId="0" borderId="21" xfId="0" applyNumberFormat="1" applyFont="1" applyBorder="1" applyAlignment="1">
      <alignment horizontal="distributed" vertical="center" justifyLastLine="1" shrinkToFit="1"/>
    </xf>
    <xf numFmtId="178" fontId="11" fillId="0" borderId="3" xfId="0" applyNumberFormat="1" applyFont="1" applyBorder="1" applyAlignment="1" applyProtection="1">
      <alignment horizontal="right" vertical="center"/>
      <protection locked="0"/>
    </xf>
    <xf numFmtId="178" fontId="11" fillId="0" borderId="20" xfId="0" applyNumberFormat="1" applyFont="1" applyBorder="1" applyAlignment="1" applyProtection="1">
      <alignment horizontal="right" vertical="center"/>
      <protection locked="0"/>
    </xf>
    <xf numFmtId="178" fontId="11" fillId="0" borderId="21" xfId="0" applyNumberFormat="1" applyFont="1" applyBorder="1" applyAlignment="1" applyProtection="1">
      <alignment horizontal="right" vertical="center"/>
      <protection locked="0"/>
    </xf>
    <xf numFmtId="178" fontId="6" fillId="0" borderId="14" xfId="0" applyNumberFormat="1" applyFont="1" applyBorder="1" applyAlignment="1" applyProtection="1">
      <alignment horizontal="center" vertical="center"/>
      <protection locked="0"/>
    </xf>
    <xf numFmtId="178" fontId="6" fillId="0" borderId="0" xfId="0" applyNumberFormat="1" applyFont="1" applyAlignment="1" applyProtection="1">
      <alignment horizontal="center" vertical="center"/>
      <protection locked="0"/>
    </xf>
    <xf numFmtId="178" fontId="6" fillId="0" borderId="15" xfId="0" applyNumberFormat="1" applyFont="1" applyBorder="1" applyAlignment="1" applyProtection="1">
      <alignment horizontal="center" vertical="center"/>
      <protection locked="0"/>
    </xf>
    <xf numFmtId="177" fontId="6" fillId="0" borderId="16" xfId="0" applyNumberFormat="1" applyFont="1" applyBorder="1" applyAlignment="1">
      <alignment vertical="center"/>
    </xf>
    <xf numFmtId="177" fontId="6" fillId="0" borderId="0" xfId="0" applyNumberFormat="1" applyFont="1" applyAlignment="1">
      <alignment vertical="center"/>
    </xf>
    <xf numFmtId="177" fontId="6" fillId="0" borderId="15" xfId="0" applyNumberFormat="1" applyFont="1" applyBorder="1" applyAlignment="1">
      <alignment vertical="center"/>
    </xf>
    <xf numFmtId="177" fontId="6" fillId="0" borderId="40" xfId="0" applyNumberFormat="1" applyFont="1" applyBorder="1" applyAlignment="1">
      <alignment horizontal="center" vertical="center" textRotation="255"/>
    </xf>
    <xf numFmtId="177" fontId="6" fillId="0" borderId="6" xfId="0" applyNumberFormat="1" applyFont="1" applyBorder="1" applyAlignment="1">
      <alignment horizontal="center" vertical="center" textRotation="255"/>
    </xf>
    <xf numFmtId="177" fontId="6" fillId="0" borderId="39" xfId="0" applyNumberFormat="1" applyFont="1" applyBorder="1" applyAlignment="1">
      <alignment horizontal="center" vertical="center" textRotation="255"/>
    </xf>
    <xf numFmtId="177" fontId="6" fillId="0" borderId="7" xfId="0" applyNumberFormat="1" applyFont="1" applyBorder="1" applyAlignment="1">
      <alignment horizontal="center" vertical="center" textRotation="255"/>
    </xf>
    <xf numFmtId="177" fontId="13" fillId="0" borderId="6" xfId="0" applyNumberFormat="1" applyFont="1" applyBorder="1" applyAlignment="1">
      <alignment horizontal="distributed" vertical="center" indent="1"/>
    </xf>
    <xf numFmtId="0" fontId="14" fillId="0" borderId="6" xfId="0" applyFont="1" applyBorder="1" applyAlignment="1">
      <alignment horizontal="distributed" indent="1"/>
    </xf>
    <xf numFmtId="181" fontId="6" fillId="0" borderId="16" xfId="0" applyNumberFormat="1" applyFont="1" applyBorder="1" applyAlignment="1">
      <alignment horizontal="right" vertical="center" shrinkToFit="1"/>
    </xf>
    <xf numFmtId="181" fontId="6" fillId="0" borderId="0" xfId="0" applyNumberFormat="1" applyFont="1" applyAlignment="1">
      <alignment horizontal="right" vertical="center" shrinkToFit="1"/>
    </xf>
    <xf numFmtId="181" fontId="6" fillId="0" borderId="15" xfId="0" applyNumberFormat="1" applyFont="1" applyBorder="1" applyAlignment="1">
      <alignment horizontal="right" vertical="center" shrinkToFit="1"/>
    </xf>
    <xf numFmtId="180" fontId="6" fillId="0" borderId="14" xfId="1" applyNumberFormat="1" applyFont="1" applyFill="1" applyBorder="1" applyAlignment="1" applyProtection="1">
      <alignment horizontal="right" vertical="center"/>
    </xf>
    <xf numFmtId="180" fontId="6" fillId="0" borderId="0" xfId="1" applyNumberFormat="1" applyFont="1" applyFill="1" applyBorder="1" applyAlignment="1" applyProtection="1">
      <alignment horizontal="right" vertical="center"/>
    </xf>
    <xf numFmtId="177" fontId="6" fillId="0" borderId="22" xfId="0" applyNumberFormat="1" applyFont="1" applyBorder="1" applyAlignment="1">
      <alignment horizontal="left" vertical="center"/>
    </xf>
    <xf numFmtId="177" fontId="6" fillId="0" borderId="20" xfId="0" applyNumberFormat="1" applyFont="1" applyBorder="1" applyAlignment="1">
      <alignment horizontal="left" vertical="center"/>
    </xf>
    <xf numFmtId="177" fontId="6" fillId="0" borderId="21" xfId="0" applyNumberFormat="1" applyFont="1" applyBorder="1" applyAlignment="1">
      <alignment horizontal="left" vertical="center"/>
    </xf>
    <xf numFmtId="177" fontId="3" fillId="0" borderId="6" xfId="0" applyNumberFormat="1" applyFont="1" applyBorder="1" applyAlignment="1">
      <alignment horizontal="center" vertical="center"/>
    </xf>
    <xf numFmtId="180" fontId="6" fillId="0" borderId="0" xfId="1" applyNumberFormat="1" applyFont="1" applyFill="1" applyBorder="1" applyAlignment="1" applyProtection="1">
      <alignment horizontal="right" vertical="center"/>
      <protection locked="0"/>
    </xf>
    <xf numFmtId="177" fontId="6" fillId="0" borderId="10" xfId="0" applyNumberFormat="1" applyFont="1" applyBorder="1" applyAlignment="1">
      <alignment horizontal="distributed" vertical="center" justifyLastLine="1"/>
    </xf>
    <xf numFmtId="177" fontId="6" fillId="0" borderId="1" xfId="0" applyNumberFormat="1" applyFont="1" applyBorder="1" applyAlignment="1">
      <alignment horizontal="distributed" vertical="center" justifyLastLine="1"/>
    </xf>
    <xf numFmtId="177" fontId="6" fillId="0" borderId="31" xfId="0" applyNumberFormat="1" applyFont="1" applyBorder="1" applyAlignment="1">
      <alignment horizontal="distributed" vertical="center" justifyLastLine="1"/>
    </xf>
    <xf numFmtId="177" fontId="6" fillId="0" borderId="6" xfId="0" applyNumberFormat="1" applyFont="1" applyBorder="1" applyAlignment="1">
      <alignment horizontal="distributed" vertical="center" indent="3"/>
    </xf>
    <xf numFmtId="177" fontId="6" fillId="0" borderId="6" xfId="0" applyNumberFormat="1" applyFont="1" applyBorder="1" applyAlignment="1">
      <alignment horizontal="distributed" vertical="center" indent="2"/>
    </xf>
    <xf numFmtId="177" fontId="6" fillId="0" borderId="6" xfId="0" applyNumberFormat="1" applyFont="1" applyBorder="1" applyAlignment="1">
      <alignment horizontal="center" vertical="center"/>
    </xf>
    <xf numFmtId="177" fontId="12" fillId="0" borderId="23" xfId="0" applyNumberFormat="1" applyFont="1" applyBorder="1" applyAlignment="1">
      <alignment horizontal="distributed" vertical="center" justifyLastLine="1"/>
    </xf>
    <xf numFmtId="182" fontId="11" fillId="0" borderId="5" xfId="0" applyNumberFormat="1" applyFont="1" applyBorder="1" applyAlignment="1" applyProtection="1">
      <alignment horizontal="right" vertical="center"/>
      <protection locked="0"/>
    </xf>
    <xf numFmtId="182" fontId="11" fillId="0" borderId="32" xfId="0" applyNumberFormat="1" applyFont="1" applyBorder="1" applyAlignment="1" applyProtection="1">
      <alignment horizontal="right" vertical="center"/>
      <protection locked="0"/>
    </xf>
    <xf numFmtId="182" fontId="11" fillId="0" borderId="0" xfId="0" applyNumberFormat="1" applyFont="1" applyAlignment="1" applyProtection="1">
      <alignment horizontal="right" vertical="center"/>
      <protection locked="0"/>
    </xf>
    <xf numFmtId="182" fontId="11" fillId="0" borderId="4" xfId="0" applyNumberFormat="1" applyFont="1" applyBorder="1" applyAlignment="1" applyProtection="1">
      <alignment horizontal="right" vertical="center"/>
      <protection locked="0"/>
    </xf>
    <xf numFmtId="177" fontId="6" fillId="0" borderId="16" xfId="0" applyNumberFormat="1" applyFont="1" applyBorder="1" applyAlignment="1">
      <alignment horizontal="distributed" vertical="center" indent="1"/>
    </xf>
    <xf numFmtId="177" fontId="6" fillId="0" borderId="0" xfId="0" applyNumberFormat="1" applyFont="1" applyAlignment="1">
      <alignment horizontal="distributed" vertical="center" indent="1"/>
    </xf>
    <xf numFmtId="177" fontId="6" fillId="0" borderId="15" xfId="0" applyNumberFormat="1" applyFont="1" applyBorder="1" applyAlignment="1">
      <alignment horizontal="distributed" vertical="center" indent="1"/>
    </xf>
    <xf numFmtId="182" fontId="6" fillId="0" borderId="0" xfId="0" applyNumberFormat="1" applyFont="1" applyAlignment="1">
      <alignment horizontal="right" vertical="center"/>
    </xf>
    <xf numFmtId="177" fontId="6" fillId="0" borderId="11" xfId="0" applyNumberFormat="1" applyFont="1" applyBorder="1" applyAlignment="1">
      <alignment horizontal="distributed" vertical="center" indent="1"/>
    </xf>
    <xf numFmtId="177" fontId="6" fillId="0" borderId="5" xfId="0" applyNumberFormat="1" applyFont="1" applyBorder="1" applyAlignment="1">
      <alignment horizontal="distributed" vertical="center" indent="1"/>
    </xf>
    <xf numFmtId="177" fontId="6" fillId="0" borderId="12" xfId="0" applyNumberFormat="1" applyFont="1" applyBorder="1" applyAlignment="1">
      <alignment horizontal="distributed" vertical="center" indent="1"/>
    </xf>
    <xf numFmtId="182" fontId="6" fillId="0" borderId="5" xfId="0" applyNumberFormat="1" applyFont="1" applyBorder="1" applyAlignment="1" applyProtection="1">
      <alignment horizontal="right" vertical="center"/>
      <protection locked="0"/>
    </xf>
    <xf numFmtId="183" fontId="11" fillId="0" borderId="28" xfId="0" applyNumberFormat="1" applyFont="1" applyBorder="1" applyAlignment="1">
      <alignment horizontal="center" vertical="center"/>
    </xf>
    <xf numFmtId="183" fontId="11" fillId="0" borderId="37" xfId="0" applyNumberFormat="1" applyFont="1" applyBorder="1" applyAlignment="1">
      <alignment horizontal="center" vertical="center"/>
    </xf>
    <xf numFmtId="177" fontId="6" fillId="0" borderId="26" xfId="0" applyNumberFormat="1" applyFont="1" applyBorder="1" applyAlignment="1">
      <alignment horizontal="right" vertical="center"/>
    </xf>
    <xf numFmtId="177" fontId="6" fillId="0" borderId="1" xfId="0" applyNumberFormat="1" applyFont="1" applyBorder="1" applyAlignment="1">
      <alignment horizontal="right" vertical="center"/>
    </xf>
    <xf numFmtId="177" fontId="6" fillId="0" borderId="31" xfId="0" applyNumberFormat="1" applyFont="1" applyBorder="1" applyAlignment="1">
      <alignment horizontal="right" vertical="center"/>
    </xf>
    <xf numFmtId="177" fontId="6" fillId="0" borderId="27" xfId="0" applyNumberFormat="1" applyFont="1" applyBorder="1" applyAlignment="1">
      <alignment horizontal="distributed" vertical="center" indent="3"/>
    </xf>
    <xf numFmtId="177" fontId="6" fillId="0" borderId="28" xfId="0" applyNumberFormat="1" applyFont="1" applyBorder="1" applyAlignment="1">
      <alignment horizontal="distributed" vertical="center" indent="3"/>
    </xf>
    <xf numFmtId="177" fontId="6" fillId="0" borderId="29" xfId="0" applyNumberFormat="1" applyFont="1" applyBorder="1" applyAlignment="1">
      <alignment horizontal="distributed" vertical="center" indent="3"/>
    </xf>
    <xf numFmtId="177" fontId="6" fillId="0" borderId="27" xfId="0" applyNumberFormat="1" applyFont="1" applyBorder="1" applyAlignment="1">
      <alignment horizontal="distributed" vertical="center" indent="2"/>
    </xf>
    <xf numFmtId="177" fontId="6" fillId="0" borderId="28" xfId="0" applyNumberFormat="1" applyFont="1" applyBorder="1" applyAlignment="1">
      <alignment horizontal="distributed" vertical="center" indent="2"/>
    </xf>
    <xf numFmtId="177" fontId="6" fillId="0" borderId="29" xfId="0" applyNumberFormat="1" applyFont="1" applyBorder="1" applyAlignment="1">
      <alignment horizontal="distributed" vertical="center" indent="2"/>
    </xf>
    <xf numFmtId="177" fontId="6" fillId="0" borderId="30" xfId="0" applyNumberFormat="1" applyFont="1" applyBorder="1" applyAlignment="1">
      <alignment horizontal="distributed" vertical="center" justifyLastLine="1"/>
    </xf>
    <xf numFmtId="177" fontId="16" fillId="0" borderId="23" xfId="0" applyNumberFormat="1" applyFont="1" applyBorder="1" applyAlignment="1">
      <alignment horizontal="distributed" vertical="center" justifyLastLine="1"/>
    </xf>
    <xf numFmtId="177" fontId="16" fillId="0" borderId="24" xfId="0" applyNumberFormat="1" applyFont="1" applyBorder="1" applyAlignment="1">
      <alignment horizontal="distributed" vertical="center" justifyLastLine="1"/>
    </xf>
    <xf numFmtId="177" fontId="16" fillId="0" borderId="41" xfId="0" applyNumberFormat="1" applyFont="1" applyBorder="1" applyAlignment="1">
      <alignment horizontal="distributed" vertical="center" justifyLastLine="1"/>
    </xf>
    <xf numFmtId="182" fontId="11" fillId="0" borderId="18" xfId="0" applyNumberFormat="1" applyFont="1" applyBorder="1" applyAlignment="1">
      <alignment horizontal="right" vertical="center"/>
    </xf>
    <xf numFmtId="182" fontId="11" fillId="0" borderId="33" xfId="0" applyNumberFormat="1" applyFont="1" applyBorder="1" applyAlignment="1">
      <alignment horizontal="right" vertical="center"/>
    </xf>
    <xf numFmtId="178" fontId="6" fillId="0" borderId="14" xfId="0" applyNumberFormat="1" applyFont="1" applyBorder="1" applyAlignment="1" applyProtection="1">
      <alignment horizontal="right" vertical="center"/>
      <protection locked="0"/>
    </xf>
    <xf numFmtId="178" fontId="6" fillId="0" borderId="0" xfId="0" applyNumberFormat="1" applyFont="1" applyAlignment="1" applyProtection="1">
      <alignment horizontal="right" vertical="center"/>
      <protection locked="0"/>
    </xf>
    <xf numFmtId="178" fontId="6" fillId="0" borderId="15" xfId="0" applyNumberFormat="1" applyFont="1" applyBorder="1" applyAlignment="1" applyProtection="1">
      <alignment horizontal="right" vertical="center"/>
      <protection locked="0"/>
    </xf>
    <xf numFmtId="177" fontId="12" fillId="0" borderId="10" xfId="0" applyNumberFormat="1" applyFont="1" applyBorder="1" applyAlignment="1">
      <alignment horizontal="center" vertical="center" wrapText="1"/>
    </xf>
    <xf numFmtId="177" fontId="12" fillId="0" borderId="1" xfId="0" applyNumberFormat="1" applyFont="1" applyBorder="1" applyAlignment="1">
      <alignment horizontal="center" vertical="center" wrapText="1"/>
    </xf>
    <xf numFmtId="177" fontId="12" fillId="0" borderId="31" xfId="0" applyNumberFormat="1" applyFont="1" applyBorder="1" applyAlignment="1">
      <alignment horizontal="center" vertical="center" wrapText="1"/>
    </xf>
    <xf numFmtId="177" fontId="12" fillId="0" borderId="14" xfId="0" applyNumberFormat="1" applyFont="1" applyBorder="1" applyAlignment="1">
      <alignment horizontal="center" vertical="center" wrapText="1"/>
    </xf>
    <xf numFmtId="177" fontId="12" fillId="0" borderId="0" xfId="0" applyNumberFormat="1" applyFont="1" applyAlignment="1">
      <alignment horizontal="center" vertical="center" wrapText="1"/>
    </xf>
    <xf numFmtId="177" fontId="12" fillId="0" borderId="15" xfId="0" applyNumberFormat="1" applyFont="1" applyBorder="1" applyAlignment="1">
      <alignment horizontal="center" vertical="center" wrapText="1"/>
    </xf>
    <xf numFmtId="177" fontId="12" fillId="0" borderId="3" xfId="0" applyNumberFormat="1" applyFont="1" applyBorder="1" applyAlignment="1">
      <alignment horizontal="center" vertical="center" wrapText="1"/>
    </xf>
    <xf numFmtId="177" fontId="12" fillId="0" borderId="20" xfId="0" applyNumberFormat="1" applyFont="1" applyBorder="1" applyAlignment="1">
      <alignment horizontal="center" vertical="center" wrapText="1"/>
    </xf>
    <xf numFmtId="177" fontId="12" fillId="0" borderId="21" xfId="0" applyNumberFormat="1" applyFont="1" applyBorder="1" applyAlignment="1">
      <alignment horizontal="center" vertical="center" wrapText="1"/>
    </xf>
    <xf numFmtId="177" fontId="6" fillId="0" borderId="17" xfId="0" applyNumberFormat="1" applyFont="1" applyBorder="1" applyAlignment="1" applyProtection="1">
      <alignment horizontal="right" vertical="center" indent="1"/>
      <protection locked="0"/>
    </xf>
    <xf numFmtId="177" fontId="6" fillId="0" borderId="18" xfId="0" applyNumberFormat="1" applyFont="1" applyBorder="1" applyAlignment="1" applyProtection="1">
      <alignment horizontal="right" vertical="center" indent="1"/>
      <protection locked="0"/>
    </xf>
    <xf numFmtId="177" fontId="6" fillId="0" borderId="19" xfId="0" applyNumberFormat="1" applyFont="1" applyBorder="1" applyAlignment="1" applyProtection="1">
      <alignment horizontal="right" vertical="center" indent="1"/>
      <protection locked="0"/>
    </xf>
    <xf numFmtId="177" fontId="6" fillId="0" borderId="37" xfId="0" applyNumberFormat="1" applyFont="1" applyBorder="1" applyAlignment="1">
      <alignment horizontal="distributed" vertical="center" indent="2"/>
    </xf>
    <xf numFmtId="177" fontId="3" fillId="0" borderId="39" xfId="0" applyNumberFormat="1" applyFont="1" applyBorder="1" applyAlignment="1">
      <alignment horizontal="center" vertical="center"/>
    </xf>
    <xf numFmtId="177" fontId="3" fillId="0" borderId="7" xfId="0" applyNumberFormat="1" applyFont="1" applyBorder="1" applyAlignment="1">
      <alignment horizontal="center" vertical="center"/>
    </xf>
    <xf numFmtId="49" fontId="3" fillId="0" borderId="7" xfId="0" applyNumberFormat="1" applyFont="1" applyBorder="1" applyAlignment="1">
      <alignment horizontal="center" vertical="center"/>
    </xf>
    <xf numFmtId="177" fontId="3" fillId="0" borderId="40" xfId="0" applyNumberFormat="1" applyFont="1" applyBorder="1" applyAlignment="1">
      <alignment horizontal="center" vertical="center"/>
    </xf>
    <xf numFmtId="177" fontId="11" fillId="0" borderId="30" xfId="0" applyNumberFormat="1" applyFont="1" applyBorder="1" applyAlignment="1">
      <alignment horizontal="distributed" vertical="center"/>
    </xf>
    <xf numFmtId="177" fontId="11" fillId="0" borderId="18" xfId="0" applyNumberFormat="1" applyFont="1" applyBorder="1" applyAlignment="1">
      <alignment horizontal="distributed" vertical="center"/>
    </xf>
    <xf numFmtId="177" fontId="11" fillId="0" borderId="19" xfId="0" applyNumberFormat="1" applyFont="1" applyBorder="1" applyAlignment="1">
      <alignment horizontal="distributed" vertical="center"/>
    </xf>
    <xf numFmtId="177" fontId="6" fillId="0" borderId="10" xfId="0" applyNumberFormat="1" applyFont="1" applyBorder="1" applyAlignment="1">
      <alignment horizontal="center" vertical="center" wrapText="1"/>
    </xf>
    <xf numFmtId="177" fontId="6" fillId="0" borderId="1" xfId="0" applyNumberFormat="1" applyFont="1" applyBorder="1" applyAlignment="1">
      <alignment horizontal="center" vertical="center" wrapText="1"/>
    </xf>
    <xf numFmtId="177" fontId="6" fillId="0" borderId="31" xfId="0" applyNumberFormat="1" applyFont="1" applyBorder="1" applyAlignment="1">
      <alignment horizontal="center" vertical="center" wrapText="1"/>
    </xf>
    <xf numFmtId="177" fontId="6" fillId="0" borderId="3" xfId="0" applyNumberFormat="1" applyFont="1" applyBorder="1" applyAlignment="1">
      <alignment horizontal="center" vertical="center" wrapText="1"/>
    </xf>
    <xf numFmtId="177" fontId="6" fillId="0" borderId="20" xfId="0" applyNumberFormat="1" applyFont="1" applyBorder="1" applyAlignment="1">
      <alignment horizontal="center" vertical="center" wrapText="1"/>
    </xf>
    <xf numFmtId="177" fontId="6" fillId="0" borderId="21" xfId="0" applyNumberFormat="1" applyFont="1" applyBorder="1" applyAlignment="1">
      <alignment horizontal="center" vertical="center" wrapText="1"/>
    </xf>
    <xf numFmtId="177" fontId="3" fillId="0" borderId="35" xfId="0" applyNumberFormat="1" applyFont="1" applyBorder="1" applyAlignment="1">
      <alignment horizontal="center" vertical="center"/>
    </xf>
    <xf numFmtId="177" fontId="3" fillId="0" borderId="38" xfId="0" applyNumberFormat="1" applyFont="1" applyBorder="1" applyAlignment="1">
      <alignment horizontal="center" vertical="center"/>
    </xf>
    <xf numFmtId="177" fontId="3" fillId="0" borderId="8" xfId="0" applyNumberFormat="1" applyFont="1" applyBorder="1" applyAlignment="1">
      <alignment horizontal="center" vertical="center"/>
    </xf>
    <xf numFmtId="184" fontId="6" fillId="0" borderId="0" xfId="0" applyNumberFormat="1" applyFont="1" applyAlignment="1" applyProtection="1">
      <alignment horizontal="right" vertical="center" shrinkToFit="1"/>
      <protection locked="0"/>
    </xf>
    <xf numFmtId="180" fontId="6" fillId="0" borderId="4" xfId="1" applyNumberFormat="1" applyFont="1" applyFill="1" applyBorder="1" applyAlignment="1" applyProtection="1">
      <alignment horizontal="right" vertical="center"/>
      <protection locked="0"/>
    </xf>
    <xf numFmtId="177" fontId="6" fillId="0" borderId="2" xfId="0" applyNumberFormat="1" applyFont="1" applyBorder="1" applyAlignment="1">
      <alignment horizontal="center" vertical="center"/>
    </xf>
    <xf numFmtId="177" fontId="6" fillId="0" borderId="34" xfId="0" applyNumberFormat="1" applyFont="1" applyBorder="1" applyAlignment="1">
      <alignment horizontal="center" vertical="center"/>
    </xf>
    <xf numFmtId="49" fontId="3" fillId="0" borderId="9" xfId="0" applyNumberFormat="1" applyFont="1" applyBorder="1" applyAlignment="1">
      <alignment horizontal="center" vertical="center"/>
    </xf>
    <xf numFmtId="177" fontId="6" fillId="0" borderId="0" xfId="0" applyNumberFormat="1" applyFont="1" applyAlignment="1">
      <alignment horizontal="right" vertical="center"/>
    </xf>
    <xf numFmtId="177" fontId="6" fillId="0" borderId="2" xfId="0" applyNumberFormat="1" applyFont="1" applyBorder="1" applyAlignment="1">
      <alignment horizontal="distributed" vertical="center" justifyLastLine="1"/>
    </xf>
    <xf numFmtId="177" fontId="6" fillId="0" borderId="34" xfId="0" applyNumberFormat="1" applyFont="1" applyBorder="1" applyAlignment="1">
      <alignment horizontal="distributed" vertical="center" justifyLastLine="1"/>
    </xf>
    <xf numFmtId="180" fontId="6" fillId="0" borderId="33" xfId="1" applyNumberFormat="1" applyFont="1" applyFill="1" applyBorder="1" applyAlignment="1" applyProtection="1">
      <alignment horizontal="right" vertical="center"/>
    </xf>
    <xf numFmtId="180" fontId="11" fillId="0" borderId="32" xfId="1" applyNumberFormat="1" applyFont="1" applyFill="1" applyBorder="1" applyAlignment="1" applyProtection="1">
      <alignment horizontal="right" vertical="center"/>
      <protection locked="0"/>
    </xf>
    <xf numFmtId="178" fontId="6" fillId="0" borderId="14" xfId="0" applyNumberFormat="1" applyFont="1" applyBorder="1" applyAlignment="1">
      <alignment horizontal="center" vertical="center"/>
    </xf>
    <xf numFmtId="178" fontId="6" fillId="0" borderId="0" xfId="0" applyNumberFormat="1" applyFont="1" applyAlignment="1">
      <alignment horizontal="center" vertical="center"/>
    </xf>
    <xf numFmtId="178" fontId="6" fillId="0" borderId="15" xfId="0" applyNumberFormat="1" applyFont="1" applyBorder="1" applyAlignment="1">
      <alignment horizontal="center" vertical="center"/>
    </xf>
    <xf numFmtId="178" fontId="11" fillId="0" borderId="34" xfId="0" applyNumberFormat="1" applyFont="1" applyBorder="1" applyAlignment="1" applyProtection="1">
      <alignment horizontal="right" vertical="center"/>
      <protection locked="0"/>
    </xf>
    <xf numFmtId="178" fontId="21" fillId="0" borderId="3" xfId="0" applyNumberFormat="1" applyFont="1" applyBorder="1" applyAlignment="1">
      <alignment horizontal="center" vertical="center"/>
    </xf>
    <xf numFmtId="178" fontId="21" fillId="0" borderId="20" xfId="0" applyNumberFormat="1" applyFont="1" applyBorder="1" applyAlignment="1">
      <alignment horizontal="center" vertical="center"/>
    </xf>
    <xf numFmtId="178" fontId="21" fillId="0" borderId="21" xfId="0" applyNumberFormat="1" applyFont="1" applyBorder="1" applyAlignment="1">
      <alignment horizontal="center" vertical="center"/>
    </xf>
    <xf numFmtId="178" fontId="6" fillId="0" borderId="17" xfId="0" applyNumberFormat="1" applyFont="1" applyBorder="1" applyAlignment="1" applyProtection="1">
      <alignment horizontal="right" vertical="center"/>
      <protection locked="0"/>
    </xf>
    <xf numFmtId="178" fontId="6" fillId="0" borderId="18" xfId="0" applyNumberFormat="1" applyFont="1" applyBorder="1" applyAlignment="1" applyProtection="1">
      <alignment horizontal="right" vertical="center"/>
      <protection locked="0"/>
    </xf>
    <xf numFmtId="178" fontId="6" fillId="0" borderId="33" xfId="0" applyNumberFormat="1" applyFont="1" applyBorder="1" applyAlignment="1" applyProtection="1">
      <alignment horizontal="right" vertical="center"/>
      <protection locked="0"/>
    </xf>
    <xf numFmtId="42" fontId="6" fillId="0" borderId="0" xfId="0" applyNumberFormat="1" applyFont="1" applyAlignment="1" applyProtection="1">
      <alignment horizontal="right" vertical="center" shrinkToFit="1"/>
      <protection locked="0"/>
    </xf>
    <xf numFmtId="176" fontId="6" fillId="0" borderId="4" xfId="0" applyNumberFormat="1" applyFont="1" applyBorder="1" applyAlignment="1" applyProtection="1">
      <alignment horizontal="right" vertical="center" shrinkToFit="1"/>
      <protection locked="0"/>
    </xf>
    <xf numFmtId="177" fontId="12" fillId="0" borderId="33" xfId="0" applyNumberFormat="1" applyFont="1" applyBorder="1" applyAlignment="1">
      <alignment horizontal="distributed" vertical="center" justifyLastLine="1" shrinkToFit="1"/>
    </xf>
    <xf numFmtId="177" fontId="12" fillId="0" borderId="34" xfId="0" applyNumberFormat="1" applyFont="1" applyBorder="1" applyAlignment="1">
      <alignment horizontal="distributed" vertical="center" justifyLastLine="1" shrinkToFit="1"/>
    </xf>
    <xf numFmtId="176" fontId="11" fillId="0" borderId="33" xfId="0" applyNumberFormat="1" applyFont="1" applyBorder="1" applyAlignment="1">
      <alignment horizontal="right" vertical="center" shrinkToFit="1"/>
    </xf>
    <xf numFmtId="176" fontId="6" fillId="0" borderId="32" xfId="0" applyNumberFormat="1" applyFont="1" applyBorder="1" applyAlignment="1" applyProtection="1">
      <alignment horizontal="right" vertical="center" shrinkToFit="1"/>
      <protection locked="0"/>
    </xf>
    <xf numFmtId="178" fontId="6" fillId="0" borderId="4" xfId="0" applyNumberFormat="1" applyFont="1" applyBorder="1" applyAlignment="1" applyProtection="1">
      <alignment horizontal="right" vertical="center"/>
      <protection locked="0"/>
    </xf>
    <xf numFmtId="178" fontId="6" fillId="0" borderId="17" xfId="0" applyNumberFormat="1" applyFont="1" applyBorder="1" applyAlignment="1">
      <alignment horizontal="center" vertical="center"/>
    </xf>
    <xf numFmtId="178" fontId="6" fillId="0" borderId="18" xfId="0" applyNumberFormat="1" applyFont="1" applyBorder="1" applyAlignment="1">
      <alignment horizontal="center" vertical="center"/>
    </xf>
    <xf numFmtId="178" fontId="6" fillId="0" borderId="19" xfId="0" applyNumberFormat="1" applyFont="1" applyBorder="1" applyAlignment="1">
      <alignment horizontal="center" vertical="center"/>
    </xf>
    <xf numFmtId="177" fontId="3" fillId="0" borderId="26" xfId="0" applyNumberFormat="1" applyFont="1" applyBorder="1" applyAlignment="1">
      <alignment horizontal="center" vertical="center"/>
    </xf>
    <xf numFmtId="177" fontId="3" fillId="0" borderId="1" xfId="0" applyNumberFormat="1" applyFont="1" applyBorder="1" applyAlignment="1">
      <alignment horizontal="center" vertical="center"/>
    </xf>
    <xf numFmtId="177" fontId="3" fillId="0" borderId="16" xfId="0" applyNumberFormat="1" applyFont="1" applyBorder="1" applyAlignment="1">
      <alignment horizontal="center" vertical="center"/>
    </xf>
    <xf numFmtId="177" fontId="3" fillId="0" borderId="0" xfId="0" applyNumberFormat="1" applyFont="1" applyAlignment="1">
      <alignment horizontal="center" vertical="center"/>
    </xf>
    <xf numFmtId="176" fontId="6" fillId="0" borderId="13" xfId="0" applyNumberFormat="1" applyFont="1" applyBorder="1" applyAlignment="1">
      <alignment horizontal="right" vertical="center" shrinkToFit="1"/>
    </xf>
    <xf numFmtId="176" fontId="6" fillId="0" borderId="5" xfId="0" applyNumberFormat="1" applyFont="1" applyBorder="1" applyAlignment="1">
      <alignment horizontal="right" vertical="center" shrinkToFit="1"/>
    </xf>
    <xf numFmtId="177" fontId="6" fillId="0" borderId="7" xfId="0" applyNumberFormat="1" applyFont="1" applyBorder="1" applyAlignment="1">
      <alignment horizontal="distributed" vertical="center" indent="3"/>
    </xf>
    <xf numFmtId="181" fontId="11" fillId="0" borderId="11" xfId="0" applyNumberFormat="1" applyFont="1" applyBorder="1" applyAlignment="1">
      <alignment horizontal="right" vertical="center" shrinkToFit="1"/>
    </xf>
    <xf numFmtId="181" fontId="11" fillId="0" borderId="5" xfId="0" applyNumberFormat="1" applyFont="1" applyBorder="1" applyAlignment="1">
      <alignment horizontal="right" vertical="center" shrinkToFit="1"/>
    </xf>
    <xf numFmtId="181" fontId="11" fillId="0" borderId="12" xfId="0" applyNumberFormat="1" applyFont="1" applyBorder="1" applyAlignment="1">
      <alignment horizontal="right" vertical="center" shrinkToFit="1"/>
    </xf>
    <xf numFmtId="180" fontId="11" fillId="0" borderId="13" xfId="1" applyNumberFormat="1" applyFont="1" applyFill="1" applyBorder="1" applyAlignment="1" applyProtection="1">
      <alignment horizontal="right" vertical="center"/>
    </xf>
    <xf numFmtId="180" fontId="11" fillId="0" borderId="5" xfId="1" applyNumberFormat="1" applyFont="1" applyFill="1" applyBorder="1" applyAlignment="1" applyProtection="1">
      <alignment horizontal="right" vertical="center"/>
    </xf>
    <xf numFmtId="177" fontId="6" fillId="0" borderId="10" xfId="0" applyNumberFormat="1" applyFont="1" applyBorder="1" applyAlignment="1">
      <alignment horizontal="distributed" vertical="center" wrapText="1" justifyLastLine="1"/>
    </xf>
    <xf numFmtId="177" fontId="6" fillId="0" borderId="1" xfId="0" applyNumberFormat="1" applyFont="1" applyBorder="1" applyAlignment="1">
      <alignment horizontal="distributed" vertical="center" wrapText="1" justifyLastLine="1"/>
    </xf>
    <xf numFmtId="177" fontId="6" fillId="0" borderId="31" xfId="0" applyNumberFormat="1" applyFont="1" applyBorder="1" applyAlignment="1">
      <alignment horizontal="distributed" vertical="center" wrapText="1" justifyLastLine="1"/>
    </xf>
    <xf numFmtId="177" fontId="6" fillId="0" borderId="3" xfId="0" applyNumberFormat="1" applyFont="1" applyBorder="1" applyAlignment="1">
      <alignment horizontal="distributed" vertical="center" wrapText="1" justifyLastLine="1"/>
    </xf>
    <xf numFmtId="177" fontId="6" fillId="0" borderId="20" xfId="0" applyNumberFormat="1" applyFont="1" applyBorder="1" applyAlignment="1">
      <alignment horizontal="distributed" vertical="center" wrapText="1" justifyLastLine="1"/>
    </xf>
    <xf numFmtId="177" fontId="6" fillId="0" borderId="21" xfId="0" applyNumberFormat="1" applyFont="1" applyBorder="1" applyAlignment="1">
      <alignment horizontal="distributed" vertical="center" wrapText="1" justifyLastLine="1"/>
    </xf>
    <xf numFmtId="177" fontId="3" fillId="0" borderId="36" xfId="0" applyNumberFormat="1" applyFont="1" applyBorder="1" applyAlignment="1">
      <alignment horizontal="center" vertical="center"/>
    </xf>
    <xf numFmtId="183" fontId="6" fillId="0" borderId="30" xfId="0" applyNumberFormat="1" applyFont="1" applyBorder="1" applyAlignment="1">
      <alignment horizontal="right" vertical="center" shrinkToFit="1"/>
    </xf>
    <xf numFmtId="183" fontId="6" fillId="0" borderId="18" xfId="0" applyNumberFormat="1" applyFont="1" applyBorder="1" applyAlignment="1">
      <alignment horizontal="right" vertical="center" shrinkToFit="1"/>
    </xf>
    <xf numFmtId="183" fontId="6" fillId="0" borderId="19" xfId="0" applyNumberFormat="1" applyFont="1" applyBorder="1" applyAlignment="1">
      <alignment horizontal="right" vertical="center" shrinkToFit="1"/>
    </xf>
    <xf numFmtId="42" fontId="6" fillId="0" borderId="0" xfId="0" applyNumberFormat="1" applyFont="1" applyAlignment="1">
      <alignment horizontal="right" vertical="center"/>
    </xf>
    <xf numFmtId="177" fontId="6" fillId="0" borderId="16" xfId="0" applyNumberFormat="1" applyFont="1" applyBorder="1" applyAlignment="1">
      <alignment horizontal="right" vertical="center" indent="1"/>
    </xf>
    <xf numFmtId="177" fontId="6" fillId="0" borderId="0" xfId="0" applyNumberFormat="1" applyFont="1" applyAlignment="1">
      <alignment horizontal="right" vertical="center" indent="1"/>
    </xf>
    <xf numFmtId="177" fontId="6" fillId="0" borderId="15" xfId="0" applyNumberFormat="1" applyFont="1" applyBorder="1" applyAlignment="1">
      <alignment horizontal="right" vertical="center" indent="1"/>
    </xf>
    <xf numFmtId="183" fontId="6" fillId="0" borderId="30" xfId="0" applyNumberFormat="1" applyFont="1" applyBorder="1" applyAlignment="1">
      <alignment horizontal="right" vertical="center" indent="1"/>
    </xf>
    <xf numFmtId="183" fontId="6" fillId="0" borderId="18" xfId="0" applyNumberFormat="1" applyFont="1" applyBorder="1" applyAlignment="1">
      <alignment horizontal="right" vertical="center" indent="1"/>
    </xf>
    <xf numFmtId="183" fontId="6" fillId="0" borderId="19" xfId="0" applyNumberFormat="1" applyFont="1" applyBorder="1" applyAlignment="1">
      <alignment horizontal="right" vertical="center" indent="1"/>
    </xf>
    <xf numFmtId="178" fontId="6" fillId="0" borderId="19" xfId="0" applyNumberFormat="1" applyFont="1" applyBorder="1" applyAlignment="1" applyProtection="1">
      <alignment horizontal="right" vertical="center"/>
      <protection locked="0"/>
    </xf>
    <xf numFmtId="177" fontId="6" fillId="0" borderId="11" xfId="0" applyNumberFormat="1" applyFont="1" applyBorder="1" applyAlignment="1">
      <alignment horizontal="center" vertical="center"/>
    </xf>
    <xf numFmtId="177" fontId="6" fillId="0" borderId="5" xfId="0" applyNumberFormat="1" applyFont="1" applyBorder="1" applyAlignment="1">
      <alignment horizontal="center" vertical="center"/>
    </xf>
    <xf numFmtId="177" fontId="6" fillId="0" borderId="12" xfId="0" applyNumberFormat="1" applyFont="1" applyBorder="1" applyAlignment="1">
      <alignment horizontal="center" vertical="center"/>
    </xf>
    <xf numFmtId="182" fontId="6" fillId="0" borderId="5" xfId="0" applyNumberFormat="1" applyFont="1" applyBorder="1" applyAlignment="1">
      <alignment horizontal="right" vertical="center"/>
    </xf>
    <xf numFmtId="178" fontId="20" fillId="0" borderId="3" xfId="0" applyNumberFormat="1" applyFont="1" applyBorder="1" applyAlignment="1" applyProtection="1">
      <alignment horizontal="right" vertical="center"/>
      <protection locked="0"/>
    </xf>
    <xf numFmtId="178" fontId="20" fillId="0" borderId="20" xfId="0" applyNumberFormat="1" applyFont="1" applyBorder="1" applyAlignment="1" applyProtection="1">
      <alignment horizontal="right" vertical="center"/>
      <protection locked="0"/>
    </xf>
    <xf numFmtId="178" fontId="20" fillId="0" borderId="21" xfId="0" applyNumberFormat="1" applyFont="1" applyBorder="1" applyAlignment="1" applyProtection="1">
      <alignment horizontal="right" vertical="center"/>
      <protection locked="0"/>
    </xf>
    <xf numFmtId="181" fontId="11" fillId="0" borderId="22" xfId="0" applyNumberFormat="1" applyFont="1" applyBorder="1" applyAlignment="1">
      <alignment horizontal="right" vertical="center" indent="1"/>
    </xf>
    <xf numFmtId="181" fontId="11" fillId="0" borderId="20" xfId="0" applyNumberFormat="1" applyFont="1" applyBorder="1" applyAlignment="1">
      <alignment horizontal="right" vertical="center" indent="1"/>
    </xf>
    <xf numFmtId="181" fontId="11" fillId="0" borderId="21" xfId="0" applyNumberFormat="1" applyFont="1" applyBorder="1" applyAlignment="1">
      <alignment horizontal="right" vertical="center" indent="1"/>
    </xf>
    <xf numFmtId="177" fontId="6" fillId="0" borderId="11" xfId="0" applyNumberFormat="1" applyFont="1" applyBorder="1" applyAlignment="1">
      <alignment horizontal="right" vertical="center" indent="1"/>
    </xf>
    <xf numFmtId="177" fontId="6" fillId="0" borderId="5" xfId="0" applyNumberFormat="1" applyFont="1" applyBorder="1" applyAlignment="1">
      <alignment horizontal="right" vertical="center" indent="1"/>
    </xf>
    <xf numFmtId="177" fontId="6" fillId="0" borderId="12" xfId="0" applyNumberFormat="1" applyFont="1" applyBorder="1" applyAlignment="1">
      <alignment horizontal="right" vertical="center" indent="1"/>
    </xf>
    <xf numFmtId="177" fontId="6" fillId="0" borderId="17" xfId="0" applyNumberFormat="1" applyFont="1" applyBorder="1" applyAlignment="1">
      <alignment horizontal="center" vertical="center" wrapText="1"/>
    </xf>
    <xf numFmtId="177" fontId="6" fillId="0" borderId="18" xfId="0" applyNumberFormat="1" applyFont="1" applyBorder="1" applyAlignment="1">
      <alignment horizontal="center" vertical="center" wrapText="1"/>
    </xf>
    <xf numFmtId="177" fontId="6" fillId="0" borderId="19" xfId="0" applyNumberFormat="1" applyFont="1" applyBorder="1" applyAlignment="1">
      <alignment horizontal="center" vertical="center" wrapText="1"/>
    </xf>
    <xf numFmtId="177" fontId="7" fillId="0" borderId="23" xfId="0" applyNumberFormat="1" applyFont="1" applyBorder="1" applyAlignment="1">
      <alignment horizontal="distributed" vertical="center" justifyLastLine="1"/>
    </xf>
    <xf numFmtId="177" fontId="7" fillId="0" borderId="24" xfId="0" applyNumberFormat="1" applyFont="1" applyBorder="1" applyAlignment="1">
      <alignment horizontal="distributed" vertical="center" justifyLastLine="1"/>
    </xf>
    <xf numFmtId="177" fontId="7" fillId="0" borderId="25" xfId="0" applyNumberFormat="1" applyFont="1" applyBorder="1" applyAlignment="1">
      <alignment horizontal="distributed" vertical="center" justifyLastLine="1"/>
    </xf>
    <xf numFmtId="178" fontId="6" fillId="0" borderId="13" xfId="0" applyNumberFormat="1" applyFont="1" applyBorder="1" applyAlignment="1">
      <alignment horizontal="center" vertical="center"/>
    </xf>
    <xf numFmtId="178" fontId="6" fillId="0" borderId="5" xfId="0" applyNumberFormat="1" applyFont="1" applyBorder="1" applyAlignment="1">
      <alignment horizontal="center" vertical="center"/>
    </xf>
    <xf numFmtId="178" fontId="6" fillId="0" borderId="12" xfId="0" applyNumberFormat="1" applyFont="1" applyBorder="1" applyAlignment="1">
      <alignment horizontal="center" vertical="center"/>
    </xf>
    <xf numFmtId="177" fontId="6" fillId="0" borderId="14" xfId="0" applyNumberFormat="1" applyFont="1" applyBorder="1" applyAlignment="1" applyProtection="1">
      <alignment horizontal="right" vertical="center" indent="1"/>
      <protection locked="0"/>
    </xf>
    <xf numFmtId="177" fontId="6" fillId="0" borderId="0" xfId="0" applyNumberFormat="1" applyFont="1" applyAlignment="1" applyProtection="1">
      <alignment horizontal="right" vertical="center" indent="1"/>
      <protection locked="0"/>
    </xf>
    <xf numFmtId="177" fontId="6" fillId="0" borderId="15" xfId="0" applyNumberFormat="1" applyFont="1" applyBorder="1" applyAlignment="1" applyProtection="1">
      <alignment horizontal="right" vertical="center" indent="1"/>
      <protection locked="0"/>
    </xf>
    <xf numFmtId="177" fontId="6" fillId="0" borderId="22" xfId="0" applyNumberFormat="1" applyFont="1" applyBorder="1" applyAlignment="1">
      <alignment vertical="center"/>
    </xf>
    <xf numFmtId="177" fontId="6" fillId="0" borderId="20" xfId="0" applyNumberFormat="1" applyFont="1" applyBorder="1" applyAlignment="1">
      <alignment vertical="center"/>
    </xf>
    <xf numFmtId="181" fontId="6" fillId="0" borderId="16" xfId="0" applyNumberFormat="1" applyFont="1" applyBorder="1" applyAlignment="1">
      <alignment horizontal="right" vertical="center" indent="1"/>
    </xf>
    <xf numFmtId="181" fontId="6" fillId="0" borderId="0" xfId="0" applyNumberFormat="1" applyFont="1" applyAlignment="1">
      <alignment horizontal="right" vertical="center" indent="1"/>
    </xf>
    <xf numFmtId="181" fontId="6" fillId="0" borderId="15" xfId="0" applyNumberFormat="1" applyFont="1" applyBorder="1" applyAlignment="1">
      <alignment horizontal="right" vertical="center" indent="1"/>
    </xf>
    <xf numFmtId="178" fontId="19" fillId="0" borderId="14" xfId="0" applyNumberFormat="1" applyFont="1" applyBorder="1" applyAlignment="1" applyProtection="1">
      <alignment horizontal="right" vertical="center"/>
      <protection locked="0"/>
    </xf>
    <xf numFmtId="178" fontId="19" fillId="0" borderId="0" xfId="0" applyNumberFormat="1" applyFont="1" applyAlignment="1" applyProtection="1">
      <alignment horizontal="right" vertical="center"/>
      <protection locked="0"/>
    </xf>
    <xf numFmtId="178" fontId="19" fillId="0" borderId="15" xfId="0" applyNumberFormat="1" applyFont="1" applyBorder="1" applyAlignment="1" applyProtection="1">
      <alignment horizontal="right" vertical="center"/>
      <protection locked="0"/>
    </xf>
    <xf numFmtId="178" fontId="19" fillId="0" borderId="17" xfId="0" applyNumberFormat="1" applyFont="1" applyBorder="1" applyAlignment="1" applyProtection="1">
      <alignment horizontal="right" vertical="center"/>
      <protection locked="0"/>
    </xf>
    <xf numFmtId="178" fontId="19" fillId="0" borderId="18" xfId="0" applyNumberFormat="1" applyFont="1" applyBorder="1" applyAlignment="1" applyProtection="1">
      <alignment horizontal="right" vertical="center"/>
      <protection locked="0"/>
    </xf>
    <xf numFmtId="178" fontId="19" fillId="0" borderId="19" xfId="0" applyNumberFormat="1" applyFont="1" applyBorder="1" applyAlignment="1" applyProtection="1">
      <alignment horizontal="right" vertical="center"/>
      <protection locked="0"/>
    </xf>
    <xf numFmtId="177" fontId="11" fillId="0" borderId="3" xfId="0" applyNumberFormat="1" applyFont="1" applyBorder="1" applyAlignment="1" applyProtection="1">
      <alignment horizontal="right" vertical="center" indent="1"/>
      <protection locked="0"/>
    </xf>
    <xf numFmtId="177" fontId="11" fillId="0" borderId="20" xfId="0" applyNumberFormat="1" applyFont="1" applyBorder="1" applyAlignment="1" applyProtection="1">
      <alignment horizontal="right" vertical="center" indent="1"/>
      <protection locked="0"/>
    </xf>
    <xf numFmtId="177" fontId="11" fillId="0" borderId="21" xfId="0" applyNumberFormat="1" applyFont="1" applyBorder="1" applyAlignment="1" applyProtection="1">
      <alignment horizontal="right" vertical="center" indent="1"/>
      <protection locked="0"/>
    </xf>
    <xf numFmtId="177" fontId="6" fillId="0" borderId="30" xfId="0" applyNumberFormat="1" applyFont="1" applyBorder="1" applyAlignment="1">
      <alignment horizontal="right" vertical="center" indent="1"/>
    </xf>
    <xf numFmtId="177" fontId="6" fillId="0" borderId="18" xfId="0" applyNumberFormat="1" applyFont="1" applyBorder="1" applyAlignment="1">
      <alignment horizontal="right" vertical="center" indent="1"/>
    </xf>
    <xf numFmtId="177" fontId="6" fillId="0" borderId="19" xfId="0" applyNumberFormat="1" applyFont="1" applyBorder="1" applyAlignment="1">
      <alignment horizontal="right" vertical="center" indent="1"/>
    </xf>
    <xf numFmtId="178" fontId="6" fillId="0" borderId="13" xfId="0" applyNumberFormat="1" applyFont="1" applyBorder="1" applyAlignment="1" applyProtection="1">
      <alignment horizontal="right" vertical="center"/>
      <protection locked="0"/>
    </xf>
    <xf numFmtId="178" fontId="6" fillId="0" borderId="5" xfId="0" applyNumberFormat="1" applyFont="1" applyBorder="1" applyAlignment="1" applyProtection="1">
      <alignment horizontal="right" vertical="center"/>
      <protection locked="0"/>
    </xf>
    <xf numFmtId="178" fontId="6" fillId="0" borderId="12" xfId="0" applyNumberFormat="1" applyFont="1" applyBorder="1" applyAlignment="1" applyProtection="1">
      <alignment horizontal="right" vertical="center"/>
      <protection locked="0"/>
    </xf>
    <xf numFmtId="178" fontId="19" fillId="0" borderId="13" xfId="0" applyNumberFormat="1" applyFont="1" applyBorder="1" applyAlignment="1" applyProtection="1">
      <alignment horizontal="right" vertical="center"/>
      <protection locked="0"/>
    </xf>
    <xf numFmtId="178" fontId="19" fillId="0" borderId="5" xfId="0" applyNumberFormat="1" applyFont="1" applyBorder="1" applyAlignment="1" applyProtection="1">
      <alignment horizontal="right" vertical="center"/>
      <protection locked="0"/>
    </xf>
    <xf numFmtId="178" fontId="19" fillId="0" borderId="12" xfId="0" applyNumberFormat="1" applyFont="1" applyBorder="1" applyAlignment="1" applyProtection="1">
      <alignment horizontal="right" vertical="center"/>
      <protection locked="0"/>
    </xf>
    <xf numFmtId="178" fontId="6" fillId="0" borderId="32" xfId="0" applyNumberFormat="1" applyFont="1" applyBorder="1" applyAlignment="1" applyProtection="1">
      <alignment horizontal="right" vertical="center"/>
      <protection locked="0"/>
    </xf>
    <xf numFmtId="177" fontId="6" fillId="0" borderId="13" xfId="0" applyNumberFormat="1" applyFont="1" applyBorder="1" applyAlignment="1" applyProtection="1">
      <alignment horizontal="right" vertical="center" indent="1"/>
      <protection locked="0"/>
    </xf>
    <xf numFmtId="177" fontId="6" fillId="0" borderId="5" xfId="0" applyNumberFormat="1" applyFont="1" applyBorder="1" applyAlignment="1" applyProtection="1">
      <alignment horizontal="right" vertical="center" indent="1"/>
      <protection locked="0"/>
    </xf>
    <xf numFmtId="177" fontId="6" fillId="0" borderId="12" xfId="0" applyNumberFormat="1" applyFont="1" applyBorder="1" applyAlignment="1" applyProtection="1">
      <alignment horizontal="right" vertical="center" indent="1"/>
      <protection locked="0"/>
    </xf>
    <xf numFmtId="177" fontId="6" fillId="0" borderId="10" xfId="0" applyNumberFormat="1" applyFont="1" applyBorder="1" applyAlignment="1">
      <alignment horizontal="left" vertical="center"/>
    </xf>
    <xf numFmtId="177" fontId="6" fillId="0" borderId="1" xfId="0" applyNumberFormat="1" applyFont="1" applyBorder="1" applyAlignment="1">
      <alignment horizontal="left" vertical="center"/>
    </xf>
    <xf numFmtId="177" fontId="12" fillId="0" borderId="1" xfId="0" applyNumberFormat="1" applyFont="1" applyBorder="1" applyAlignment="1">
      <alignment horizontal="center" vertical="center"/>
    </xf>
    <xf numFmtId="177" fontId="8" fillId="0" borderId="6" xfId="0" applyNumberFormat="1" applyFont="1" applyBorder="1" applyAlignment="1">
      <alignment horizontal="distributed" vertical="center" indent="1"/>
    </xf>
    <xf numFmtId="0" fontId="9" fillId="0" borderId="6" xfId="0" applyFont="1" applyBorder="1" applyAlignment="1">
      <alignment horizontal="distributed" indent="1"/>
    </xf>
    <xf numFmtId="177" fontId="6" fillId="0" borderId="6" xfId="0" applyNumberFormat="1" applyFont="1" applyBorder="1" applyAlignment="1">
      <alignment horizontal="distributed" vertical="center" justifyLastLine="1"/>
    </xf>
    <xf numFmtId="177" fontId="6" fillId="0" borderId="7" xfId="0" applyNumberFormat="1" applyFont="1" applyBorder="1" applyAlignment="1">
      <alignment horizontal="distributed" vertical="center" justifyLastLine="1"/>
    </xf>
    <xf numFmtId="177" fontId="6" fillId="0" borderId="7" xfId="0" applyNumberFormat="1" applyFont="1" applyBorder="1" applyAlignment="1">
      <alignment horizontal="distributed" vertical="center" indent="2"/>
    </xf>
    <xf numFmtId="177" fontId="11" fillId="0" borderId="6" xfId="0" applyNumberFormat="1" applyFont="1" applyBorder="1" applyAlignment="1">
      <alignment horizontal="distributed" vertical="center" indent="1"/>
    </xf>
    <xf numFmtId="177" fontId="11" fillId="0" borderId="8" xfId="0" applyNumberFormat="1" applyFont="1" applyBorder="1" applyAlignment="1">
      <alignment horizontal="distributed" vertical="center" indent="1"/>
    </xf>
    <xf numFmtId="177" fontId="11" fillId="0" borderId="7" xfId="0" applyNumberFormat="1" applyFont="1" applyBorder="1" applyAlignment="1">
      <alignment horizontal="distributed" vertical="center" indent="1"/>
    </xf>
    <xf numFmtId="177" fontId="11" fillId="0" borderId="9" xfId="0" applyNumberFormat="1" applyFont="1" applyBorder="1" applyAlignment="1">
      <alignment horizontal="distributed" vertical="center" indent="1"/>
    </xf>
    <xf numFmtId="177" fontId="6" fillId="0" borderId="6" xfId="0" applyNumberFormat="1" applyFont="1" applyBorder="1" applyAlignment="1">
      <alignment horizontal="left" vertical="center"/>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0</xdr:col>
      <xdr:colOff>657225</xdr:colOff>
      <xdr:row>0</xdr:row>
      <xdr:rowOff>0</xdr:rowOff>
    </xdr:to>
    <xdr:sp macro="" textlink="">
      <xdr:nvSpPr>
        <xdr:cNvPr id="1025" name="Text Box 1">
          <a:extLst>
            <a:ext uri="{FF2B5EF4-FFF2-40B4-BE49-F238E27FC236}">
              <a16:creationId xmlns:a16="http://schemas.microsoft.com/office/drawing/2014/main" xmlns="" id="{00000000-0008-0000-0000-000001040000}"/>
            </a:ext>
          </a:extLst>
        </xdr:cNvPr>
        <xdr:cNvSpPr txBox="1">
          <a:spLocks noChangeArrowheads="1"/>
        </xdr:cNvSpPr>
      </xdr:nvSpPr>
      <xdr:spPr bwMode="auto">
        <a:xfrm>
          <a:off x="0" y="0"/>
          <a:ext cx="2200275" cy="0"/>
        </a:xfrm>
        <a:prstGeom prst="rect">
          <a:avLst/>
        </a:prstGeom>
        <a:solidFill>
          <a:srgbClr val="FFFFFF"/>
        </a:solidFill>
        <a:ln w="9525">
          <a:noFill/>
          <a:miter lim="800000"/>
          <a:headEnd/>
          <a:tailEnd/>
        </a:ln>
      </xdr:spPr>
      <xdr:txBody>
        <a:bodyPr vertOverflow="clip" wrap="square" lIns="36576" tIns="22860" rIns="36576" bIns="0" anchor="t" upright="1"/>
        <a:lstStyle/>
        <a:p>
          <a:pPr algn="ctr" rtl="0">
            <a:defRPr sz="1000"/>
          </a:pPr>
          <a:r>
            <a:rPr lang="ja-JP" altLang="en-US" sz="1600" b="1" i="0" strike="noStrike">
              <a:solidFill>
                <a:srgbClr val="000000"/>
              </a:solidFill>
              <a:latin typeface="ＭＳ ゴシック"/>
              <a:ea typeface="ＭＳ ゴシック"/>
            </a:rPr>
            <a:t>第１章　土地・気象</a:t>
          </a:r>
        </a:p>
      </xdr:txBody>
    </xdr:sp>
    <xdr:clientData/>
  </xdr:twoCellAnchor>
  <xdr:twoCellAnchor>
    <xdr:from>
      <xdr:col>1</xdr:col>
      <xdr:colOff>0</xdr:colOff>
      <xdr:row>53</xdr:row>
      <xdr:rowOff>19050</xdr:rowOff>
    </xdr:from>
    <xdr:to>
      <xdr:col>31</xdr:col>
      <xdr:colOff>114300</xdr:colOff>
      <xdr:row>60</xdr:row>
      <xdr:rowOff>200025</xdr:rowOff>
    </xdr:to>
    <xdr:sp macro="" textlink="">
      <xdr:nvSpPr>
        <xdr:cNvPr id="1221" name="Text Box 3">
          <a:extLst>
            <a:ext uri="{FF2B5EF4-FFF2-40B4-BE49-F238E27FC236}">
              <a16:creationId xmlns:a16="http://schemas.microsoft.com/office/drawing/2014/main" xmlns="" id="{00000000-0008-0000-0000-0000C5040000}"/>
            </a:ext>
          </a:extLst>
        </xdr:cNvPr>
        <xdr:cNvSpPr txBox="1">
          <a:spLocks noChangeArrowheads="1"/>
        </xdr:cNvSpPr>
      </xdr:nvSpPr>
      <xdr:spPr bwMode="auto">
        <a:xfrm>
          <a:off x="200025" y="11134725"/>
          <a:ext cx="6115050" cy="1847850"/>
        </a:xfrm>
        <a:prstGeom prst="rect">
          <a:avLst/>
        </a:prstGeom>
        <a:noFill/>
        <a:ln w="9525">
          <a:noFill/>
          <a:miter lim="800000"/>
          <a:headEnd/>
          <a:tailEnd/>
        </a:ln>
      </xdr:spPr>
      <xdr:txBody>
        <a:bodyPr vertOverflow="clip" wrap="square" lIns="27432" tIns="18288" rIns="0" bIns="18288" anchor="ctr" upright="1"/>
        <a:lstStyle/>
        <a:p>
          <a:pPr algn="l" rtl="0">
            <a:lnSpc>
              <a:spcPts val="1300"/>
            </a:lnSpc>
            <a:defRPr sz="1000"/>
          </a:pPr>
          <a:r>
            <a:rPr lang="ja-JP" altLang="en-US" sz="1100" b="0" i="0" strike="noStrike">
              <a:solidFill>
                <a:srgbClr val="000000"/>
              </a:solidFill>
              <a:latin typeface="ＭＳ 明朝"/>
              <a:ea typeface="ＭＳ 明朝"/>
            </a:rPr>
            <a:t>　</a:t>
          </a:r>
          <a:r>
            <a:rPr lang="ja-JP" altLang="en-US" sz="1100" b="0" i="0" strike="noStrike" baseline="0">
              <a:solidFill>
                <a:srgbClr val="000000"/>
              </a:solidFill>
              <a:latin typeface="ＭＳ 明朝"/>
              <a:ea typeface="ＭＳ 明朝"/>
            </a:rPr>
            <a:t>本市は、京都府の南西部にあって、南山城地方の中央やや西寄りに位置しています。</a:t>
          </a:r>
        </a:p>
        <a:p>
          <a:pPr algn="l" rtl="0">
            <a:lnSpc>
              <a:spcPts val="1300"/>
            </a:lnSpc>
            <a:defRPr sz="1000"/>
          </a:pPr>
          <a:r>
            <a:rPr lang="ja-JP" altLang="en-US" sz="1100" b="0" i="0" strike="noStrike" baseline="0">
              <a:solidFill>
                <a:srgbClr val="000000"/>
              </a:solidFill>
              <a:latin typeface="ＭＳ 明朝"/>
              <a:ea typeface="ＭＳ 明朝"/>
            </a:rPr>
            <a:t>　東は木津川をはさんで城陽市、綴喜郡井手町と接し、西は生駒山系により大阪府枚方市、奈良県生駒市と境を分かち、北は八幡市、南は相楽郡精華町と接しています。</a:t>
          </a:r>
        </a:p>
        <a:p>
          <a:pPr algn="l" rtl="0">
            <a:lnSpc>
              <a:spcPts val="1300"/>
            </a:lnSpc>
            <a:defRPr sz="1000"/>
          </a:pPr>
          <a:r>
            <a:rPr lang="ja-JP" altLang="en-US" sz="1100" b="0" i="0" strike="noStrike" baseline="0">
              <a:solidFill>
                <a:srgbClr val="000000"/>
              </a:solidFill>
              <a:latin typeface="ＭＳ 明朝"/>
              <a:ea typeface="ＭＳ 明朝"/>
            </a:rPr>
            <a:t>　市の中心部から直線距離にして、京都市へ約２２㎞、大阪市へ約２８㎞、奈良市へ約１５㎞と、近畿大都市を結ぶ三角形のほぼ中心に位置しています。</a:t>
          </a:r>
        </a:p>
        <a:p>
          <a:pPr algn="l" rtl="0">
            <a:lnSpc>
              <a:spcPts val="1300"/>
            </a:lnSpc>
            <a:defRPr sz="1000"/>
          </a:pPr>
          <a:r>
            <a:rPr lang="ja-JP" altLang="en-US" sz="1100" b="0" i="0" strike="noStrike" baseline="0">
              <a:solidFill>
                <a:srgbClr val="000000"/>
              </a:solidFill>
              <a:latin typeface="ＭＳ 明朝"/>
              <a:ea typeface="ＭＳ 明朝"/>
            </a:rPr>
            <a:t>　また、国家的プロジェクトとして京都府、大阪府、奈良県にまたがる京阪奈丘陵において建設が進められている関西文化学術研究都市の北東部分となります。</a:t>
          </a:r>
        </a:p>
      </xdr:txBody>
    </xdr:sp>
    <xdr:clientData/>
  </xdr:twoCellAnchor>
  <xdr:twoCellAnchor>
    <xdr:from>
      <xdr:col>1</xdr:col>
      <xdr:colOff>9525</xdr:colOff>
      <xdr:row>68</xdr:row>
      <xdr:rowOff>0</xdr:rowOff>
    </xdr:from>
    <xdr:to>
      <xdr:col>31</xdr:col>
      <xdr:colOff>123825</xdr:colOff>
      <xdr:row>73</xdr:row>
      <xdr:rowOff>0</xdr:rowOff>
    </xdr:to>
    <xdr:sp macro="" textlink="">
      <xdr:nvSpPr>
        <xdr:cNvPr id="1222" name="Text Box 4">
          <a:extLst>
            <a:ext uri="{FF2B5EF4-FFF2-40B4-BE49-F238E27FC236}">
              <a16:creationId xmlns:a16="http://schemas.microsoft.com/office/drawing/2014/main" xmlns="" id="{00000000-0008-0000-0000-0000C6040000}"/>
            </a:ext>
          </a:extLst>
        </xdr:cNvPr>
        <xdr:cNvSpPr txBox="1">
          <a:spLocks noChangeArrowheads="1"/>
        </xdr:cNvSpPr>
      </xdr:nvSpPr>
      <xdr:spPr bwMode="auto">
        <a:xfrm>
          <a:off x="209550" y="14554200"/>
          <a:ext cx="6115050" cy="1190625"/>
        </a:xfrm>
        <a:prstGeom prst="rect">
          <a:avLst/>
        </a:prstGeom>
        <a:noFill/>
        <a:ln w="9525">
          <a:noFill/>
          <a:miter lim="800000"/>
          <a:headEnd/>
          <a:tailEnd/>
        </a:ln>
      </xdr:spPr>
      <xdr:txBody>
        <a:bodyPr vertOverflow="clip" wrap="square" lIns="27432" tIns="18288" rIns="0" bIns="18288" anchor="ctr" upright="1"/>
        <a:lstStyle/>
        <a:p>
          <a:pPr algn="l" rtl="0">
            <a:lnSpc>
              <a:spcPts val="1300"/>
            </a:lnSpc>
            <a:defRPr sz="1000"/>
          </a:pPr>
          <a:r>
            <a:rPr lang="ja-JP" altLang="en-US" sz="1100" b="0" i="0" strike="noStrike">
              <a:solidFill>
                <a:srgbClr val="000000"/>
              </a:solidFill>
              <a:latin typeface="ＭＳ 明朝"/>
              <a:ea typeface="ＭＳ 明朝"/>
            </a:rPr>
            <a:t>　本市の地形は、西部が生駒山系に連なる丘陵地であり、東部は淀川の三大支流の一つである木津川のつくりあげた沖積地からなる平野であり、甘南備山の麓から扇状にひろがった東斜面の不等辺三角形です。丘陵地から低地に至る緩傾斜地帯には、集落が多く分布し、四季それぞれに特色をもつ良好な自然環境に恵まれています。</a:t>
          </a:r>
        </a:p>
      </xdr:txBody>
    </xdr:sp>
    <xdr:clientData/>
  </xdr:twoCellAnchor>
  <xdr:twoCellAnchor>
    <xdr:from>
      <xdr:col>0</xdr:col>
      <xdr:colOff>190500</xdr:colOff>
      <xdr:row>75</xdr:row>
      <xdr:rowOff>0</xdr:rowOff>
    </xdr:from>
    <xdr:to>
      <xdr:col>31</xdr:col>
      <xdr:colOff>123825</xdr:colOff>
      <xdr:row>80</xdr:row>
      <xdr:rowOff>0</xdr:rowOff>
    </xdr:to>
    <xdr:sp macro="" textlink="">
      <xdr:nvSpPr>
        <xdr:cNvPr id="1223" name="Text Box 5">
          <a:extLst>
            <a:ext uri="{FF2B5EF4-FFF2-40B4-BE49-F238E27FC236}">
              <a16:creationId xmlns:a16="http://schemas.microsoft.com/office/drawing/2014/main" xmlns="" id="{00000000-0008-0000-0000-0000C7040000}"/>
            </a:ext>
          </a:extLst>
        </xdr:cNvPr>
        <xdr:cNvSpPr txBox="1">
          <a:spLocks noChangeArrowheads="1"/>
        </xdr:cNvSpPr>
      </xdr:nvSpPr>
      <xdr:spPr bwMode="auto">
        <a:xfrm>
          <a:off x="190500" y="16192500"/>
          <a:ext cx="6134100" cy="1190625"/>
        </a:xfrm>
        <a:prstGeom prst="rect">
          <a:avLst/>
        </a:prstGeom>
        <a:noFill/>
        <a:ln w="9525">
          <a:noFill/>
          <a:miter lim="800000"/>
          <a:headEnd/>
          <a:tailEnd/>
        </a:ln>
      </xdr:spPr>
      <xdr:txBody>
        <a:bodyPr vertOverflow="clip" wrap="square" lIns="27432" tIns="18288" rIns="0" bIns="18288" anchor="ctr" upright="1"/>
        <a:lstStyle/>
        <a:p>
          <a:pPr algn="just" rtl="0">
            <a:lnSpc>
              <a:spcPts val="1300"/>
            </a:lnSpc>
            <a:defRPr sz="1000"/>
          </a:pPr>
          <a:r>
            <a:rPr lang="ja-JP" altLang="en-US" sz="1100" b="0" i="0" strike="noStrike">
              <a:solidFill>
                <a:srgbClr val="000000"/>
              </a:solidFill>
              <a:latin typeface="ＭＳ 明朝"/>
              <a:ea typeface="ＭＳ 明朝"/>
            </a:rPr>
            <a:t>　本市の地質は、甘南備山に僅かながら古生層が見られますが、市の西部丘陵地域は、大阪層群と呼ばれている洪積層の砂や粘土・礫などによって構成されたやわらかい地層です。この洪積地域の東側の木津川沿いの低地帯は、木津川によってつくられた沖積層です。</a:t>
          </a:r>
        </a:p>
      </xdr:txBody>
    </xdr:sp>
    <xdr:clientData/>
  </xdr:twoCellAnchor>
  <xdr:twoCellAnchor>
    <xdr:from>
      <xdr:col>0</xdr:col>
      <xdr:colOff>190500</xdr:colOff>
      <xdr:row>4</xdr:row>
      <xdr:rowOff>9525</xdr:rowOff>
    </xdr:from>
    <xdr:to>
      <xdr:col>32</xdr:col>
      <xdr:colOff>9525</xdr:colOff>
      <xdr:row>22</xdr:row>
      <xdr:rowOff>0</xdr:rowOff>
    </xdr:to>
    <xdr:sp macro="" textlink="">
      <xdr:nvSpPr>
        <xdr:cNvPr id="1030" name="Text Box 6">
          <a:extLst>
            <a:ext uri="{FF2B5EF4-FFF2-40B4-BE49-F238E27FC236}">
              <a16:creationId xmlns:a16="http://schemas.microsoft.com/office/drawing/2014/main" xmlns="" id="{00000000-0008-0000-0000-000006040000}"/>
            </a:ext>
          </a:extLst>
        </xdr:cNvPr>
        <xdr:cNvSpPr txBox="1">
          <a:spLocks noChangeArrowheads="1"/>
        </xdr:cNvSpPr>
      </xdr:nvSpPr>
      <xdr:spPr bwMode="auto">
        <a:xfrm>
          <a:off x="190500" y="885825"/>
          <a:ext cx="6219825" cy="4276725"/>
        </a:xfrm>
        <a:prstGeom prst="rect">
          <a:avLst/>
        </a:prstGeom>
        <a:noFill/>
        <a:ln w="9525">
          <a:noFill/>
          <a:miter lim="800000"/>
          <a:headEnd/>
          <a:tailEnd/>
        </a:ln>
        <a:effectLst/>
      </xdr:spPr>
      <xdr:txBody>
        <a:bodyPr vertOverflow="clip" wrap="square" lIns="27432" tIns="18288" rIns="0" bIns="18288" anchor="ctr" upright="1"/>
        <a:lstStyle/>
        <a:p>
          <a:pPr algn="l" rtl="0">
            <a:lnSpc>
              <a:spcPts val="1300"/>
            </a:lnSpc>
            <a:defRPr sz="1000"/>
          </a:pPr>
          <a:r>
            <a:rPr lang="ja-JP" altLang="en-US" sz="1100" b="0" i="0" strike="noStrike">
              <a:solidFill>
                <a:srgbClr val="000000"/>
              </a:solidFill>
              <a:latin typeface="ＭＳ 明朝"/>
              <a:ea typeface="ＭＳ 明朝"/>
            </a:rPr>
            <a:t>　京田辺市の歴史は大変古く、早くから文化の開けたところであり、市内では、天神山竪穴住居跡群や飯岡古墳群をはじめ、数多くの遺跡が発見されています。また、古事記・日本書紀・万葉集などにもうたわれている「筒城」は、後に郡名（綴喜郡）にもなり、継体天皇が筒城宮として山城の国に皇居を最初に定められた地といわれています。</a:t>
          </a:r>
        </a:p>
        <a:p>
          <a:pPr algn="l" rtl="0">
            <a:lnSpc>
              <a:spcPts val="1300"/>
            </a:lnSpc>
            <a:defRPr sz="1000"/>
          </a:pPr>
          <a:r>
            <a:rPr lang="ja-JP" altLang="en-US" sz="1100" b="0" i="0" strike="noStrike">
              <a:solidFill>
                <a:srgbClr val="000000"/>
              </a:solidFill>
              <a:latin typeface="ＭＳ 明朝"/>
              <a:ea typeface="ＭＳ 明朝"/>
            </a:rPr>
            <a:t>　奈良時代には、奈良から太宰府に抜ける山陽道の山本駅が設けられるなど、交通の要衝として開けていました。また、市のシンボルでもある甘南備山は、平安京造営に際し、基準点として利用されていました。</a:t>
          </a:r>
        </a:p>
        <a:p>
          <a:pPr algn="l" rtl="0">
            <a:lnSpc>
              <a:spcPts val="1300"/>
            </a:lnSpc>
            <a:defRPr sz="1000"/>
          </a:pPr>
          <a:r>
            <a:rPr lang="ja-JP" altLang="en-US" sz="1100" b="0" i="0" strike="noStrike">
              <a:solidFill>
                <a:srgbClr val="000000"/>
              </a:solidFill>
              <a:latin typeface="ＭＳ 明朝"/>
              <a:ea typeface="ＭＳ 明朝"/>
            </a:rPr>
            <a:t>　平安時代末期から室町時代には、源平の戦乱の時代に三度も関白職についた近衛基通公や一休禅師のような名高い高僧がこの地を愛し、晩年を過ごしています。</a:t>
          </a:r>
        </a:p>
        <a:p>
          <a:pPr algn="l" rtl="0">
            <a:lnSpc>
              <a:spcPts val="1300"/>
            </a:lnSpc>
            <a:defRPr sz="1000"/>
          </a:pPr>
          <a:r>
            <a:rPr lang="ja-JP" altLang="en-US" sz="1100" b="0" i="0" strike="noStrike">
              <a:solidFill>
                <a:srgbClr val="000000"/>
              </a:solidFill>
              <a:latin typeface="ＭＳ 明朝"/>
              <a:ea typeface="ＭＳ 明朝"/>
            </a:rPr>
            <a:t>　明治３１年には、ＪＲ片町線（学研都市線）の前身である関西鉄道が長尾～木津間に開通し、田辺駅（現、京田辺駅）が設置されました。また、昭和３年１１月には、奈良電気鉄道（現、近鉄京都線）が京都～西大寺間に開通することにより、南山城地域の中心地として発展してきました。</a:t>
          </a:r>
        </a:p>
        <a:p>
          <a:pPr algn="l" rtl="0">
            <a:lnSpc>
              <a:spcPts val="1300"/>
            </a:lnSpc>
            <a:defRPr sz="1000"/>
          </a:pPr>
          <a:r>
            <a:rPr lang="ja-JP" altLang="en-US" sz="1100" b="0" i="0" strike="noStrike">
              <a:solidFill>
                <a:srgbClr val="000000"/>
              </a:solidFill>
              <a:latin typeface="ＭＳ 明朝"/>
              <a:ea typeface="ＭＳ 明朝"/>
            </a:rPr>
            <a:t>　明治２２年の市制町村制実施に際し、田辺村、薪村、河原村、興戸村の４か村が合併して、田辺村となり、明治３９年１０月１２日に町制を施行し、田辺町となりました。昭和２６年には隣接する大住村、草内村、三山木村、普賢寺村の４か村を編入統合しました。その後、平成９年４月１日に市制を施行し、京田辺市となり現在に至っています。</a:t>
          </a:r>
        </a:p>
        <a:p>
          <a:pPr algn="l" rtl="0">
            <a:lnSpc>
              <a:spcPts val="1300"/>
            </a:lnSpc>
            <a:defRPr sz="1000"/>
          </a:pPr>
          <a:endParaRPr lang="ja-JP" altLang="en-US" sz="1100" b="0" i="0" strike="noStrike">
            <a:solidFill>
              <a:srgbClr val="000000"/>
            </a:solidFill>
            <a:latin typeface="ＭＳ 明朝"/>
            <a:ea typeface="ＭＳ 明朝"/>
          </a:endParaRPr>
        </a:p>
      </xdr:txBody>
    </xdr:sp>
    <xdr:clientData/>
  </xdr:twoCellAnchor>
  <xdr:twoCellAnchor>
    <xdr:from>
      <xdr:col>0</xdr:col>
      <xdr:colOff>0</xdr:colOff>
      <xdr:row>82</xdr:row>
      <xdr:rowOff>9525</xdr:rowOff>
    </xdr:from>
    <xdr:to>
      <xdr:col>2</xdr:col>
      <xdr:colOff>190500</xdr:colOff>
      <xdr:row>84</xdr:row>
      <xdr:rowOff>0</xdr:rowOff>
    </xdr:to>
    <xdr:sp macro="" textlink="">
      <xdr:nvSpPr>
        <xdr:cNvPr id="1829" name="Line 8">
          <a:extLst>
            <a:ext uri="{FF2B5EF4-FFF2-40B4-BE49-F238E27FC236}">
              <a16:creationId xmlns:a16="http://schemas.microsoft.com/office/drawing/2014/main" xmlns="" id="{00000000-0008-0000-0000-000025070000}"/>
            </a:ext>
          </a:extLst>
        </xdr:cNvPr>
        <xdr:cNvSpPr>
          <a:spLocks noChangeShapeType="1"/>
        </xdr:cNvSpPr>
      </xdr:nvSpPr>
      <xdr:spPr bwMode="auto">
        <a:xfrm flipH="1" flipV="1">
          <a:off x="0" y="17840325"/>
          <a:ext cx="590550" cy="485775"/>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25</xdr:row>
      <xdr:rowOff>9525</xdr:rowOff>
    </xdr:from>
    <xdr:to>
      <xdr:col>6</xdr:col>
      <xdr:colOff>0</xdr:colOff>
      <xdr:row>127</xdr:row>
      <xdr:rowOff>9525</xdr:rowOff>
    </xdr:to>
    <xdr:sp macro="" textlink="">
      <xdr:nvSpPr>
        <xdr:cNvPr id="1830" name="Line 2">
          <a:extLst>
            <a:ext uri="{FF2B5EF4-FFF2-40B4-BE49-F238E27FC236}">
              <a16:creationId xmlns:a16="http://schemas.microsoft.com/office/drawing/2014/main" xmlns="" id="{00000000-0008-0000-0000-000026070000}"/>
            </a:ext>
          </a:extLst>
        </xdr:cNvPr>
        <xdr:cNvSpPr>
          <a:spLocks noChangeShapeType="1"/>
        </xdr:cNvSpPr>
      </xdr:nvSpPr>
      <xdr:spPr bwMode="auto">
        <a:xfrm>
          <a:off x="0" y="27813000"/>
          <a:ext cx="1200150" cy="400050"/>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9525</xdr:colOff>
      <xdr:row>91</xdr:row>
      <xdr:rowOff>19050</xdr:rowOff>
    </xdr:from>
    <xdr:to>
      <xdr:col>3</xdr:col>
      <xdr:colOff>9525</xdr:colOff>
      <xdr:row>93</xdr:row>
      <xdr:rowOff>9525</xdr:rowOff>
    </xdr:to>
    <xdr:sp macro="" textlink="">
      <xdr:nvSpPr>
        <xdr:cNvPr id="1831" name="Line 358">
          <a:extLst>
            <a:ext uri="{FF2B5EF4-FFF2-40B4-BE49-F238E27FC236}">
              <a16:creationId xmlns:a16="http://schemas.microsoft.com/office/drawing/2014/main" xmlns="" id="{00000000-0008-0000-0000-000027070000}"/>
            </a:ext>
          </a:extLst>
        </xdr:cNvPr>
        <xdr:cNvSpPr>
          <a:spLocks noChangeShapeType="1"/>
        </xdr:cNvSpPr>
      </xdr:nvSpPr>
      <xdr:spPr bwMode="auto">
        <a:xfrm>
          <a:off x="9525" y="19897725"/>
          <a:ext cx="600075" cy="466725"/>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9050</xdr:colOff>
      <xdr:row>104</xdr:row>
      <xdr:rowOff>9525</xdr:rowOff>
    </xdr:from>
    <xdr:to>
      <xdr:col>5</xdr:col>
      <xdr:colOff>0</xdr:colOff>
      <xdr:row>107</xdr:row>
      <xdr:rowOff>0</xdr:rowOff>
    </xdr:to>
    <xdr:sp macro="" textlink="">
      <xdr:nvSpPr>
        <xdr:cNvPr id="1832" name="Line 359">
          <a:extLst>
            <a:ext uri="{FF2B5EF4-FFF2-40B4-BE49-F238E27FC236}">
              <a16:creationId xmlns:a16="http://schemas.microsoft.com/office/drawing/2014/main" xmlns="" id="{00000000-0008-0000-0000-000028070000}"/>
            </a:ext>
          </a:extLst>
        </xdr:cNvPr>
        <xdr:cNvSpPr>
          <a:spLocks noChangeShapeType="1"/>
        </xdr:cNvSpPr>
      </xdr:nvSpPr>
      <xdr:spPr bwMode="auto">
        <a:xfrm>
          <a:off x="19050" y="22888575"/>
          <a:ext cx="981075" cy="590550"/>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AI143"/>
  <sheetViews>
    <sheetView showGridLines="0" tabSelected="1" view="pageBreakPreview" zoomScaleNormal="100" zoomScaleSheetLayoutView="100" workbookViewId="0">
      <selection activeCell="AI138" sqref="AI138"/>
    </sheetView>
  </sheetViews>
  <sheetFormatPr defaultRowHeight="18.75" customHeight="1"/>
  <cols>
    <col min="1" max="34" width="2.625" style="1" customWidth="1"/>
    <col min="35" max="16384" width="9" style="1"/>
  </cols>
  <sheetData>
    <row r="1" spans="1:33" ht="18.75" customHeight="1">
      <c r="A1" s="65" t="s">
        <v>0</v>
      </c>
      <c r="B1" s="65"/>
      <c r="C1" s="65"/>
      <c r="D1" s="65"/>
      <c r="E1" s="65"/>
      <c r="F1" s="65"/>
      <c r="G1" s="65"/>
      <c r="H1" s="65"/>
      <c r="I1" s="65"/>
      <c r="J1" s="65"/>
      <c r="K1" s="65"/>
      <c r="L1" s="65"/>
      <c r="M1" s="65"/>
      <c r="N1" s="65"/>
      <c r="O1" s="65"/>
      <c r="P1" s="65"/>
      <c r="Q1" s="65"/>
      <c r="R1" s="65"/>
      <c r="S1" s="65"/>
      <c r="T1" s="65"/>
      <c r="U1" s="65"/>
      <c r="V1" s="65"/>
      <c r="W1" s="65"/>
      <c r="X1" s="65"/>
      <c r="Y1" s="65"/>
      <c r="Z1" s="65"/>
      <c r="AA1" s="65"/>
      <c r="AB1" s="65"/>
      <c r="AC1" s="65"/>
      <c r="AD1" s="65"/>
      <c r="AE1" s="65"/>
      <c r="AF1" s="65"/>
      <c r="AG1" s="65"/>
    </row>
    <row r="2" spans="1:33" ht="15.95" customHeight="1"/>
    <row r="3" spans="1:33" ht="18.75" customHeight="1">
      <c r="A3" s="4" t="s">
        <v>1</v>
      </c>
    </row>
    <row r="4" spans="1:33" ht="15.95" customHeight="1"/>
    <row r="23" spans="1:33" s="2" customFormat="1" ht="15.75" customHeight="1">
      <c r="A23" s="202" t="s">
        <v>5</v>
      </c>
      <c r="B23" s="203"/>
      <c r="C23" s="284"/>
      <c r="D23" s="285"/>
      <c r="E23" s="285"/>
      <c r="F23" s="286" t="s">
        <v>6</v>
      </c>
      <c r="G23" s="286"/>
      <c r="H23" s="286"/>
      <c r="I23" s="286"/>
      <c r="J23" s="286" t="s">
        <v>7</v>
      </c>
      <c r="K23" s="286"/>
      <c r="L23" s="286"/>
      <c r="M23" s="286"/>
      <c r="N23" s="286" t="s">
        <v>8</v>
      </c>
      <c r="O23" s="286"/>
      <c r="P23" s="286"/>
      <c r="Q23" s="286"/>
      <c r="R23" s="286" t="s">
        <v>9</v>
      </c>
      <c r="S23" s="286"/>
      <c r="T23" s="286"/>
      <c r="U23" s="286"/>
      <c r="V23" s="286" t="s">
        <v>10</v>
      </c>
      <c r="W23" s="286"/>
      <c r="X23" s="286"/>
      <c r="Y23" s="286"/>
      <c r="Z23" s="286" t="s">
        <v>11</v>
      </c>
      <c r="AA23" s="286"/>
      <c r="AB23" s="286"/>
      <c r="AC23" s="286"/>
      <c r="AD23" s="6"/>
      <c r="AE23" s="6"/>
      <c r="AF23" s="5"/>
      <c r="AG23" s="7"/>
    </row>
    <row r="24" spans="1:33" s="3" customFormat="1" ht="4.5" customHeight="1">
      <c r="A24" s="204"/>
      <c r="B24" s="205"/>
      <c r="C24" s="8"/>
      <c r="D24" s="9"/>
      <c r="E24" s="9"/>
      <c r="F24" s="9"/>
      <c r="G24" s="9"/>
      <c r="H24" s="8"/>
      <c r="I24" s="9"/>
      <c r="J24" s="9"/>
      <c r="K24" s="9"/>
      <c r="L24" s="10"/>
      <c r="P24" s="10"/>
      <c r="T24" s="10"/>
      <c r="U24" s="9"/>
      <c r="V24" s="9"/>
      <c r="W24" s="9"/>
      <c r="X24" s="10"/>
      <c r="Y24" s="9"/>
      <c r="Z24" s="9"/>
      <c r="AA24" s="9"/>
      <c r="AB24" s="10"/>
      <c r="AC24" s="9"/>
      <c r="AD24" s="9"/>
      <c r="AE24" s="9"/>
      <c r="AF24" s="9"/>
      <c r="AG24" s="11"/>
    </row>
    <row r="25" spans="1:33" s="3" customFormat="1" ht="15" customHeight="1">
      <c r="A25" s="88" t="s">
        <v>12</v>
      </c>
      <c r="B25" s="89"/>
      <c r="C25" s="287" t="s">
        <v>13</v>
      </c>
      <c r="D25" s="288"/>
      <c r="E25" s="288"/>
      <c r="F25" s="288"/>
      <c r="G25" s="288"/>
      <c r="H25" s="107" t="s">
        <v>13</v>
      </c>
      <c r="I25" s="107"/>
      <c r="J25" s="107"/>
      <c r="K25" s="107"/>
      <c r="L25" s="107"/>
      <c r="M25" s="107"/>
      <c r="N25" s="107"/>
      <c r="O25" s="107"/>
      <c r="P25" s="289" t="s">
        <v>14</v>
      </c>
      <c r="Q25" s="289"/>
      <c r="R25" s="289"/>
      <c r="S25" s="289"/>
      <c r="T25" s="289" t="s">
        <v>15</v>
      </c>
      <c r="U25" s="289"/>
      <c r="V25" s="289"/>
      <c r="W25" s="289"/>
      <c r="X25" s="289" t="s">
        <v>15</v>
      </c>
      <c r="Y25" s="289"/>
      <c r="Z25" s="289"/>
      <c r="AA25" s="289"/>
      <c r="AB25" s="292" t="s">
        <v>16</v>
      </c>
      <c r="AC25" s="292"/>
      <c r="AD25" s="292"/>
      <c r="AE25" s="292"/>
      <c r="AF25" s="292"/>
      <c r="AG25" s="293"/>
    </row>
    <row r="26" spans="1:33" s="3" customFormat="1" ht="15" customHeight="1">
      <c r="A26" s="88"/>
      <c r="B26" s="89"/>
      <c r="C26" s="92" t="s">
        <v>17</v>
      </c>
      <c r="D26" s="93"/>
      <c r="E26" s="93"/>
      <c r="F26" s="93"/>
      <c r="G26" s="93"/>
      <c r="H26" s="107"/>
      <c r="I26" s="107"/>
      <c r="J26" s="107"/>
      <c r="K26" s="107"/>
      <c r="L26" s="107"/>
      <c r="M26" s="107"/>
      <c r="N26" s="107"/>
      <c r="O26" s="107"/>
      <c r="P26" s="289"/>
      <c r="Q26" s="289"/>
      <c r="R26" s="289"/>
      <c r="S26" s="289"/>
      <c r="T26" s="289"/>
      <c r="U26" s="289"/>
      <c r="V26" s="289"/>
      <c r="W26" s="289"/>
      <c r="X26" s="289"/>
      <c r="Y26" s="289"/>
      <c r="Z26" s="289"/>
      <c r="AA26" s="289"/>
      <c r="AB26" s="292"/>
      <c r="AC26" s="292"/>
      <c r="AD26" s="292"/>
      <c r="AE26" s="292"/>
      <c r="AF26" s="292"/>
      <c r="AG26" s="293"/>
    </row>
    <row r="27" spans="1:33" s="3" customFormat="1" ht="15" customHeight="1">
      <c r="A27" s="88"/>
      <c r="B27" s="89"/>
      <c r="C27" s="287" t="s">
        <v>18</v>
      </c>
      <c r="D27" s="288"/>
      <c r="E27" s="288"/>
      <c r="F27" s="288"/>
      <c r="G27" s="288"/>
      <c r="H27" s="107" t="s">
        <v>19</v>
      </c>
      <c r="I27" s="107"/>
      <c r="J27" s="107"/>
      <c r="K27" s="107"/>
      <c r="L27" s="107"/>
      <c r="M27" s="107"/>
      <c r="N27" s="107"/>
      <c r="O27" s="107"/>
      <c r="P27" s="289"/>
      <c r="Q27" s="289"/>
      <c r="R27" s="289"/>
      <c r="S27" s="289"/>
      <c r="T27" s="289"/>
      <c r="U27" s="289"/>
      <c r="V27" s="289"/>
      <c r="W27" s="289"/>
      <c r="X27" s="289"/>
      <c r="Y27" s="289"/>
      <c r="Z27" s="289"/>
      <c r="AA27" s="289"/>
      <c r="AB27" s="292"/>
      <c r="AC27" s="292"/>
      <c r="AD27" s="292"/>
      <c r="AE27" s="292"/>
      <c r="AF27" s="292"/>
      <c r="AG27" s="293"/>
    </row>
    <row r="28" spans="1:33" s="3" customFormat="1" ht="15" customHeight="1">
      <c r="A28" s="88"/>
      <c r="B28" s="89"/>
      <c r="C28" s="287" t="s">
        <v>20</v>
      </c>
      <c r="D28" s="288"/>
      <c r="E28" s="288"/>
      <c r="F28" s="288"/>
      <c r="G28" s="288"/>
      <c r="H28" s="107"/>
      <c r="I28" s="107"/>
      <c r="J28" s="107"/>
      <c r="K28" s="107"/>
      <c r="L28" s="107"/>
      <c r="M28" s="107"/>
      <c r="N28" s="107"/>
      <c r="O28" s="107"/>
      <c r="P28" s="289"/>
      <c r="Q28" s="289"/>
      <c r="R28" s="289"/>
      <c r="S28" s="289"/>
      <c r="T28" s="289"/>
      <c r="U28" s="289"/>
      <c r="V28" s="289"/>
      <c r="W28" s="289"/>
      <c r="X28" s="289"/>
      <c r="Y28" s="289"/>
      <c r="Z28" s="289"/>
      <c r="AA28" s="289"/>
      <c r="AB28" s="292"/>
      <c r="AC28" s="292"/>
      <c r="AD28" s="292"/>
      <c r="AE28" s="292"/>
      <c r="AF28" s="292"/>
      <c r="AG28" s="293"/>
    </row>
    <row r="29" spans="1:33" s="3" customFormat="1" ht="15" customHeight="1">
      <c r="A29" s="88"/>
      <c r="B29" s="89"/>
      <c r="C29" s="107" t="s">
        <v>21</v>
      </c>
      <c r="D29" s="107"/>
      <c r="E29" s="107"/>
      <c r="F29" s="107"/>
      <c r="G29" s="107"/>
      <c r="H29" s="107"/>
      <c r="I29" s="107"/>
      <c r="J29" s="107"/>
      <c r="K29" s="107"/>
      <c r="L29" s="107"/>
      <c r="M29" s="107"/>
      <c r="N29" s="107"/>
      <c r="O29" s="107"/>
      <c r="P29" s="289"/>
      <c r="Q29" s="289"/>
      <c r="R29" s="289"/>
      <c r="S29" s="289"/>
      <c r="T29" s="289"/>
      <c r="U29" s="289"/>
      <c r="V29" s="289"/>
      <c r="W29" s="289"/>
      <c r="X29" s="289"/>
      <c r="Y29" s="289"/>
      <c r="Z29" s="289"/>
      <c r="AA29" s="289"/>
      <c r="AB29" s="292"/>
      <c r="AC29" s="292"/>
      <c r="AD29" s="292"/>
      <c r="AE29" s="292"/>
      <c r="AF29" s="292"/>
      <c r="AG29" s="293"/>
    </row>
    <row r="30" spans="1:33" s="3" customFormat="1" ht="15" customHeight="1">
      <c r="A30" s="88"/>
      <c r="B30" s="89"/>
      <c r="C30" s="107" t="s">
        <v>22</v>
      </c>
      <c r="D30" s="107"/>
      <c r="E30" s="107"/>
      <c r="F30" s="107"/>
      <c r="G30" s="107"/>
      <c r="H30" s="107"/>
      <c r="I30" s="107"/>
      <c r="J30" s="107"/>
      <c r="K30" s="107"/>
      <c r="L30" s="107"/>
      <c r="M30" s="107"/>
      <c r="N30" s="107"/>
      <c r="O30" s="107"/>
      <c r="P30" s="289"/>
      <c r="Q30" s="289"/>
      <c r="R30" s="289"/>
      <c r="S30" s="289"/>
      <c r="T30" s="289"/>
      <c r="U30" s="289"/>
      <c r="V30" s="289"/>
      <c r="W30" s="289"/>
      <c r="X30" s="289"/>
      <c r="Y30" s="289"/>
      <c r="Z30" s="289"/>
      <c r="AA30" s="289"/>
      <c r="AB30" s="292"/>
      <c r="AC30" s="292"/>
      <c r="AD30" s="292"/>
      <c r="AE30" s="292"/>
      <c r="AF30" s="292"/>
      <c r="AG30" s="293"/>
    </row>
    <row r="31" spans="1:33" s="3" customFormat="1" ht="15" customHeight="1">
      <c r="A31" s="88"/>
      <c r="B31" s="89"/>
      <c r="C31" s="107" t="s">
        <v>23</v>
      </c>
      <c r="D31" s="107"/>
      <c r="E31" s="107"/>
      <c r="F31" s="107"/>
      <c r="G31" s="107"/>
      <c r="H31" s="107"/>
      <c r="I31" s="107"/>
      <c r="J31" s="107"/>
      <c r="K31" s="107"/>
      <c r="L31" s="107"/>
      <c r="M31" s="107"/>
      <c r="N31" s="107"/>
      <c r="O31" s="107"/>
      <c r="P31" s="108" t="s">
        <v>24</v>
      </c>
      <c r="Q31" s="108"/>
      <c r="R31" s="108"/>
      <c r="S31" s="108"/>
      <c r="T31" s="108"/>
      <c r="U31" s="108"/>
      <c r="V31" s="108"/>
      <c r="W31" s="108"/>
      <c r="X31" s="289"/>
      <c r="Y31" s="289"/>
      <c r="Z31" s="289"/>
      <c r="AA31" s="289"/>
      <c r="AB31" s="292"/>
      <c r="AC31" s="292"/>
      <c r="AD31" s="292"/>
      <c r="AE31" s="292"/>
      <c r="AF31" s="292"/>
      <c r="AG31" s="293"/>
    </row>
    <row r="32" spans="1:33" s="3" customFormat="1" ht="15" customHeight="1">
      <c r="A32" s="88"/>
      <c r="B32" s="89"/>
      <c r="C32" s="107" t="s">
        <v>25</v>
      </c>
      <c r="D32" s="107"/>
      <c r="E32" s="107"/>
      <c r="F32" s="107"/>
      <c r="G32" s="107"/>
      <c r="H32" s="107"/>
      <c r="I32" s="107"/>
      <c r="J32" s="107"/>
      <c r="K32" s="107"/>
      <c r="L32" s="107"/>
      <c r="M32" s="107"/>
      <c r="N32" s="107"/>
      <c r="O32" s="107"/>
      <c r="P32" s="108"/>
      <c r="Q32" s="108"/>
      <c r="R32" s="108"/>
      <c r="S32" s="108"/>
      <c r="T32" s="108"/>
      <c r="U32" s="108"/>
      <c r="V32" s="108"/>
      <c r="W32" s="108"/>
      <c r="X32" s="289"/>
      <c r="Y32" s="289"/>
      <c r="Z32" s="289"/>
      <c r="AA32" s="289"/>
      <c r="AB32" s="292"/>
      <c r="AC32" s="292"/>
      <c r="AD32" s="292"/>
      <c r="AE32" s="292"/>
      <c r="AF32" s="292"/>
      <c r="AG32" s="293"/>
    </row>
    <row r="33" spans="1:33" s="3" customFormat="1" ht="15" customHeight="1">
      <c r="A33" s="88"/>
      <c r="B33" s="89"/>
      <c r="C33" s="107" t="s">
        <v>26</v>
      </c>
      <c r="D33" s="107"/>
      <c r="E33" s="107"/>
      <c r="F33" s="107"/>
      <c r="G33" s="107"/>
      <c r="H33" s="107"/>
      <c r="I33" s="107"/>
      <c r="J33" s="107"/>
      <c r="K33" s="107"/>
      <c r="L33" s="107"/>
      <c r="M33" s="107"/>
      <c r="N33" s="107"/>
      <c r="O33" s="107"/>
      <c r="P33" s="296" t="s">
        <v>27</v>
      </c>
      <c r="Q33" s="296"/>
      <c r="R33" s="296"/>
      <c r="S33" s="296"/>
      <c r="T33" s="296"/>
      <c r="U33" s="296"/>
      <c r="V33" s="296"/>
      <c r="W33" s="296"/>
      <c r="X33" s="289"/>
      <c r="Y33" s="289"/>
      <c r="Z33" s="289"/>
      <c r="AA33" s="289"/>
      <c r="AB33" s="292"/>
      <c r="AC33" s="292"/>
      <c r="AD33" s="292"/>
      <c r="AE33" s="292"/>
      <c r="AF33" s="292"/>
      <c r="AG33" s="293"/>
    </row>
    <row r="34" spans="1:33" s="3" customFormat="1" ht="15" customHeight="1">
      <c r="A34" s="88"/>
      <c r="B34" s="89"/>
      <c r="C34" s="107" t="s">
        <v>28</v>
      </c>
      <c r="D34" s="107"/>
      <c r="E34" s="107"/>
      <c r="F34" s="107"/>
      <c r="G34" s="107"/>
      <c r="H34" s="107"/>
      <c r="I34" s="107"/>
      <c r="J34" s="107"/>
      <c r="K34" s="107"/>
      <c r="L34" s="107"/>
      <c r="M34" s="107"/>
      <c r="N34" s="107"/>
      <c r="O34" s="107"/>
      <c r="P34" s="108" t="s">
        <v>29</v>
      </c>
      <c r="Q34" s="108"/>
      <c r="R34" s="108"/>
      <c r="S34" s="108"/>
      <c r="T34" s="108"/>
      <c r="U34" s="108"/>
      <c r="V34" s="108"/>
      <c r="W34" s="108"/>
      <c r="X34" s="289"/>
      <c r="Y34" s="289"/>
      <c r="Z34" s="289"/>
      <c r="AA34" s="289"/>
      <c r="AB34" s="292"/>
      <c r="AC34" s="292"/>
      <c r="AD34" s="292"/>
      <c r="AE34" s="292"/>
      <c r="AF34" s="292"/>
      <c r="AG34" s="293"/>
    </row>
    <row r="35" spans="1:33" s="3" customFormat="1" ht="15" customHeight="1">
      <c r="A35" s="88"/>
      <c r="B35" s="89"/>
      <c r="C35" s="107" t="s">
        <v>29</v>
      </c>
      <c r="D35" s="107"/>
      <c r="E35" s="107"/>
      <c r="F35" s="107"/>
      <c r="G35" s="107"/>
      <c r="H35" s="107"/>
      <c r="I35" s="107"/>
      <c r="J35" s="107"/>
      <c r="K35" s="107"/>
      <c r="L35" s="107"/>
      <c r="M35" s="107"/>
      <c r="N35" s="107"/>
      <c r="O35" s="107"/>
      <c r="P35" s="108"/>
      <c r="Q35" s="108"/>
      <c r="R35" s="108"/>
      <c r="S35" s="108"/>
      <c r="T35" s="108"/>
      <c r="U35" s="108"/>
      <c r="V35" s="108"/>
      <c r="W35" s="108"/>
      <c r="X35" s="289"/>
      <c r="Y35" s="289"/>
      <c r="Z35" s="289"/>
      <c r="AA35" s="289"/>
      <c r="AB35" s="292"/>
      <c r="AC35" s="292"/>
      <c r="AD35" s="292"/>
      <c r="AE35" s="292"/>
      <c r="AF35" s="292"/>
      <c r="AG35" s="293"/>
    </row>
    <row r="36" spans="1:33" s="3" customFormat="1" ht="15" customHeight="1">
      <c r="A36" s="88"/>
      <c r="B36" s="89"/>
      <c r="C36" s="107" t="s">
        <v>30</v>
      </c>
      <c r="D36" s="107"/>
      <c r="E36" s="107"/>
      <c r="F36" s="107"/>
      <c r="G36" s="107"/>
      <c r="H36" s="107"/>
      <c r="I36" s="107"/>
      <c r="J36" s="107"/>
      <c r="K36" s="107"/>
      <c r="L36" s="107"/>
      <c r="M36" s="107"/>
      <c r="N36" s="107"/>
      <c r="O36" s="107"/>
      <c r="P36" s="108"/>
      <c r="Q36" s="108"/>
      <c r="R36" s="108"/>
      <c r="S36" s="108"/>
      <c r="T36" s="108"/>
      <c r="U36" s="108"/>
      <c r="V36" s="108"/>
      <c r="W36" s="108"/>
      <c r="X36" s="289"/>
      <c r="Y36" s="289"/>
      <c r="Z36" s="289"/>
      <c r="AA36" s="289"/>
      <c r="AB36" s="292"/>
      <c r="AC36" s="292"/>
      <c r="AD36" s="292"/>
      <c r="AE36" s="292"/>
      <c r="AF36" s="292"/>
      <c r="AG36" s="293"/>
    </row>
    <row r="37" spans="1:33" s="3" customFormat="1" ht="15" customHeight="1">
      <c r="A37" s="88"/>
      <c r="B37" s="89"/>
      <c r="C37" s="108" t="s">
        <v>31</v>
      </c>
      <c r="D37" s="108"/>
      <c r="E37" s="108"/>
      <c r="F37" s="108"/>
      <c r="G37" s="108"/>
      <c r="H37" s="108"/>
      <c r="I37" s="108"/>
      <c r="J37" s="108"/>
      <c r="K37" s="108"/>
      <c r="L37" s="109" t="s">
        <v>32</v>
      </c>
      <c r="M37" s="109"/>
      <c r="N37" s="109"/>
      <c r="O37" s="109"/>
      <c r="P37" s="108" t="s">
        <v>33</v>
      </c>
      <c r="Q37" s="108"/>
      <c r="R37" s="108"/>
      <c r="S37" s="108"/>
      <c r="T37" s="108"/>
      <c r="U37" s="108"/>
      <c r="V37" s="108"/>
      <c r="W37" s="108"/>
      <c r="X37" s="289"/>
      <c r="Y37" s="289"/>
      <c r="Z37" s="289"/>
      <c r="AA37" s="289"/>
      <c r="AB37" s="292"/>
      <c r="AC37" s="292"/>
      <c r="AD37" s="292"/>
      <c r="AE37" s="292"/>
      <c r="AF37" s="292"/>
      <c r="AG37" s="293"/>
    </row>
    <row r="38" spans="1:33" s="3" customFormat="1" ht="15" customHeight="1">
      <c r="A38" s="88"/>
      <c r="B38" s="89"/>
      <c r="C38" s="108" t="s">
        <v>34</v>
      </c>
      <c r="D38" s="108"/>
      <c r="E38" s="108"/>
      <c r="F38" s="108"/>
      <c r="G38" s="108"/>
      <c r="H38" s="108"/>
      <c r="I38" s="108"/>
      <c r="J38" s="108"/>
      <c r="K38" s="108"/>
      <c r="L38" s="109"/>
      <c r="M38" s="109"/>
      <c r="N38" s="109"/>
      <c r="O38" s="109"/>
      <c r="P38" s="108"/>
      <c r="Q38" s="108"/>
      <c r="R38" s="108"/>
      <c r="S38" s="108"/>
      <c r="T38" s="108"/>
      <c r="U38" s="108"/>
      <c r="V38" s="108"/>
      <c r="W38" s="108"/>
      <c r="X38" s="289"/>
      <c r="Y38" s="289"/>
      <c r="Z38" s="289"/>
      <c r="AA38" s="289"/>
      <c r="AB38" s="292"/>
      <c r="AC38" s="292"/>
      <c r="AD38" s="292"/>
      <c r="AE38" s="292"/>
      <c r="AF38" s="292"/>
      <c r="AG38" s="293"/>
    </row>
    <row r="39" spans="1:33" s="3" customFormat="1" ht="15" customHeight="1">
      <c r="A39" s="88"/>
      <c r="B39" s="89"/>
      <c r="C39" s="108" t="s">
        <v>35</v>
      </c>
      <c r="D39" s="108"/>
      <c r="E39" s="108"/>
      <c r="F39" s="108"/>
      <c r="G39" s="108"/>
      <c r="H39" s="108"/>
      <c r="I39" s="108"/>
      <c r="J39" s="108"/>
      <c r="K39" s="108"/>
      <c r="L39" s="109" t="s">
        <v>33</v>
      </c>
      <c r="M39" s="109"/>
      <c r="N39" s="109"/>
      <c r="O39" s="109"/>
      <c r="P39" s="108"/>
      <c r="Q39" s="108"/>
      <c r="R39" s="108"/>
      <c r="S39" s="108"/>
      <c r="T39" s="108"/>
      <c r="U39" s="108"/>
      <c r="V39" s="108"/>
      <c r="W39" s="108"/>
      <c r="X39" s="289"/>
      <c r="Y39" s="289"/>
      <c r="Z39" s="289"/>
      <c r="AA39" s="289"/>
      <c r="AB39" s="292"/>
      <c r="AC39" s="292"/>
      <c r="AD39" s="292"/>
      <c r="AE39" s="292"/>
      <c r="AF39" s="292"/>
      <c r="AG39" s="293"/>
    </row>
    <row r="40" spans="1:33" s="3" customFormat="1" ht="15" customHeight="1">
      <c r="A40" s="88"/>
      <c r="B40" s="89"/>
      <c r="C40" s="108" t="s">
        <v>36</v>
      </c>
      <c r="D40" s="108"/>
      <c r="E40" s="108"/>
      <c r="F40" s="108"/>
      <c r="G40" s="108"/>
      <c r="H40" s="108"/>
      <c r="I40" s="108"/>
      <c r="J40" s="108"/>
      <c r="K40" s="108"/>
      <c r="L40" s="109"/>
      <c r="M40" s="109"/>
      <c r="N40" s="109"/>
      <c r="O40" s="109"/>
      <c r="P40" s="108"/>
      <c r="Q40" s="108"/>
      <c r="R40" s="108"/>
      <c r="S40" s="108"/>
      <c r="T40" s="108"/>
      <c r="U40" s="108"/>
      <c r="V40" s="108"/>
      <c r="W40" s="108"/>
      <c r="X40" s="289"/>
      <c r="Y40" s="289"/>
      <c r="Z40" s="289"/>
      <c r="AA40" s="289"/>
      <c r="AB40" s="292"/>
      <c r="AC40" s="292"/>
      <c r="AD40" s="292"/>
      <c r="AE40" s="292"/>
      <c r="AF40" s="292"/>
      <c r="AG40" s="293"/>
    </row>
    <row r="41" spans="1:33" s="3" customFormat="1" ht="15" customHeight="1">
      <c r="A41" s="88"/>
      <c r="B41" s="89"/>
      <c r="C41" s="108" t="s">
        <v>37</v>
      </c>
      <c r="D41" s="108"/>
      <c r="E41" s="108"/>
      <c r="F41" s="108"/>
      <c r="G41" s="108"/>
      <c r="H41" s="108"/>
      <c r="I41" s="108"/>
      <c r="J41" s="108"/>
      <c r="K41" s="108"/>
      <c r="L41" s="109"/>
      <c r="M41" s="109"/>
      <c r="N41" s="109"/>
      <c r="O41" s="109"/>
      <c r="P41" s="108"/>
      <c r="Q41" s="108"/>
      <c r="R41" s="108"/>
      <c r="S41" s="108"/>
      <c r="T41" s="108"/>
      <c r="U41" s="108"/>
      <c r="V41" s="108"/>
      <c r="W41" s="108"/>
      <c r="X41" s="289"/>
      <c r="Y41" s="289"/>
      <c r="Z41" s="289"/>
      <c r="AA41" s="289"/>
      <c r="AB41" s="292"/>
      <c r="AC41" s="292"/>
      <c r="AD41" s="292"/>
      <c r="AE41" s="292"/>
      <c r="AF41" s="292"/>
      <c r="AG41" s="293"/>
    </row>
    <row r="42" spans="1:33" s="3" customFormat="1" ht="15" customHeight="1">
      <c r="A42" s="88"/>
      <c r="B42" s="89"/>
      <c r="C42" s="108" t="s">
        <v>38</v>
      </c>
      <c r="D42" s="108"/>
      <c r="E42" s="108"/>
      <c r="F42" s="108"/>
      <c r="G42" s="108"/>
      <c r="H42" s="108"/>
      <c r="I42" s="108"/>
      <c r="J42" s="108"/>
      <c r="K42" s="108"/>
      <c r="L42" s="109"/>
      <c r="M42" s="109"/>
      <c r="N42" s="109"/>
      <c r="O42" s="109"/>
      <c r="P42" s="108"/>
      <c r="Q42" s="108"/>
      <c r="R42" s="108"/>
      <c r="S42" s="108"/>
      <c r="T42" s="108"/>
      <c r="U42" s="108"/>
      <c r="V42" s="108"/>
      <c r="W42" s="108"/>
      <c r="X42" s="289"/>
      <c r="Y42" s="289"/>
      <c r="Z42" s="289"/>
      <c r="AA42" s="289"/>
      <c r="AB42" s="292"/>
      <c r="AC42" s="292"/>
      <c r="AD42" s="292"/>
      <c r="AE42" s="292"/>
      <c r="AF42" s="292"/>
      <c r="AG42" s="293"/>
    </row>
    <row r="43" spans="1:33" s="3" customFormat="1" ht="15" customHeight="1">
      <c r="A43" s="88"/>
      <c r="B43" s="89"/>
      <c r="C43" s="107" t="s">
        <v>39</v>
      </c>
      <c r="D43" s="107"/>
      <c r="E43" s="107"/>
      <c r="F43" s="107"/>
      <c r="G43" s="107"/>
      <c r="H43" s="107"/>
      <c r="I43" s="107"/>
      <c r="J43" s="107"/>
      <c r="K43" s="107"/>
      <c r="L43" s="107"/>
      <c r="M43" s="107"/>
      <c r="N43" s="107"/>
      <c r="O43" s="107"/>
      <c r="P43" s="108" t="s">
        <v>40</v>
      </c>
      <c r="Q43" s="108"/>
      <c r="R43" s="108"/>
      <c r="S43" s="108"/>
      <c r="T43" s="108"/>
      <c r="U43" s="108"/>
      <c r="V43" s="108"/>
      <c r="W43" s="108"/>
      <c r="X43" s="289"/>
      <c r="Y43" s="289"/>
      <c r="Z43" s="289"/>
      <c r="AA43" s="289"/>
      <c r="AB43" s="292"/>
      <c r="AC43" s="292"/>
      <c r="AD43" s="292"/>
      <c r="AE43" s="292"/>
      <c r="AF43" s="292"/>
      <c r="AG43" s="293"/>
    </row>
    <row r="44" spans="1:33" s="3" customFormat="1" ht="15" customHeight="1">
      <c r="A44" s="88"/>
      <c r="B44" s="89"/>
      <c r="C44" s="107" t="s">
        <v>41</v>
      </c>
      <c r="D44" s="107"/>
      <c r="E44" s="107"/>
      <c r="F44" s="107"/>
      <c r="G44" s="107"/>
      <c r="H44" s="107"/>
      <c r="I44" s="107"/>
      <c r="J44" s="107"/>
      <c r="K44" s="107"/>
      <c r="L44" s="107"/>
      <c r="M44" s="107"/>
      <c r="N44" s="107"/>
      <c r="O44" s="107"/>
      <c r="P44" s="108"/>
      <c r="Q44" s="108"/>
      <c r="R44" s="108"/>
      <c r="S44" s="108"/>
      <c r="T44" s="108"/>
      <c r="U44" s="108"/>
      <c r="V44" s="108"/>
      <c r="W44" s="108"/>
      <c r="X44" s="289"/>
      <c r="Y44" s="289"/>
      <c r="Z44" s="289"/>
      <c r="AA44" s="289"/>
      <c r="AB44" s="292"/>
      <c r="AC44" s="292"/>
      <c r="AD44" s="292"/>
      <c r="AE44" s="292"/>
      <c r="AF44" s="292"/>
      <c r="AG44" s="293"/>
    </row>
    <row r="45" spans="1:33" s="3" customFormat="1" ht="15" customHeight="1">
      <c r="A45" s="88"/>
      <c r="B45" s="89"/>
      <c r="C45" s="107" t="s">
        <v>42</v>
      </c>
      <c r="D45" s="107"/>
      <c r="E45" s="107"/>
      <c r="F45" s="107"/>
      <c r="G45" s="107"/>
      <c r="H45" s="107"/>
      <c r="I45" s="107"/>
      <c r="J45" s="107"/>
      <c r="K45" s="107"/>
      <c r="L45" s="107"/>
      <c r="M45" s="107"/>
      <c r="N45" s="107"/>
      <c r="O45" s="107"/>
      <c r="P45" s="108"/>
      <c r="Q45" s="108"/>
      <c r="R45" s="108"/>
      <c r="S45" s="108"/>
      <c r="T45" s="108"/>
      <c r="U45" s="108"/>
      <c r="V45" s="108"/>
      <c r="W45" s="108"/>
      <c r="X45" s="289"/>
      <c r="Y45" s="289"/>
      <c r="Z45" s="289"/>
      <c r="AA45" s="289"/>
      <c r="AB45" s="292"/>
      <c r="AC45" s="292"/>
      <c r="AD45" s="292"/>
      <c r="AE45" s="292"/>
      <c r="AF45" s="292"/>
      <c r="AG45" s="293"/>
    </row>
    <row r="46" spans="1:33" s="3" customFormat="1" ht="15" customHeight="1">
      <c r="A46" s="88"/>
      <c r="B46" s="89"/>
      <c r="C46" s="107" t="s">
        <v>43</v>
      </c>
      <c r="D46" s="107"/>
      <c r="E46" s="107"/>
      <c r="F46" s="107"/>
      <c r="G46" s="107"/>
      <c r="H46" s="107"/>
      <c r="I46" s="107"/>
      <c r="J46" s="107"/>
      <c r="K46" s="107"/>
      <c r="L46" s="107"/>
      <c r="M46" s="107"/>
      <c r="N46" s="107"/>
      <c r="O46" s="107"/>
      <c r="P46" s="108"/>
      <c r="Q46" s="108"/>
      <c r="R46" s="108"/>
      <c r="S46" s="108"/>
      <c r="T46" s="108"/>
      <c r="U46" s="108"/>
      <c r="V46" s="108"/>
      <c r="W46" s="108"/>
      <c r="X46" s="289"/>
      <c r="Y46" s="289"/>
      <c r="Z46" s="289"/>
      <c r="AA46" s="289"/>
      <c r="AB46" s="292"/>
      <c r="AC46" s="292"/>
      <c r="AD46" s="292"/>
      <c r="AE46" s="292"/>
      <c r="AF46" s="292"/>
      <c r="AG46" s="293"/>
    </row>
    <row r="47" spans="1:33" s="3" customFormat="1" ht="15" customHeight="1">
      <c r="A47" s="88"/>
      <c r="B47" s="89"/>
      <c r="C47" s="107" t="s">
        <v>44</v>
      </c>
      <c r="D47" s="107"/>
      <c r="E47" s="107"/>
      <c r="F47" s="107"/>
      <c r="G47" s="107"/>
      <c r="H47" s="107"/>
      <c r="I47" s="107"/>
      <c r="J47" s="107"/>
      <c r="K47" s="107"/>
      <c r="L47" s="107"/>
      <c r="M47" s="107"/>
      <c r="N47" s="107"/>
      <c r="O47" s="107"/>
      <c r="P47" s="108"/>
      <c r="Q47" s="108"/>
      <c r="R47" s="108"/>
      <c r="S47" s="108"/>
      <c r="T47" s="108"/>
      <c r="U47" s="108"/>
      <c r="V47" s="108"/>
      <c r="W47" s="108"/>
      <c r="X47" s="289"/>
      <c r="Y47" s="289"/>
      <c r="Z47" s="289"/>
      <c r="AA47" s="289"/>
      <c r="AB47" s="292"/>
      <c r="AC47" s="292"/>
      <c r="AD47" s="292"/>
      <c r="AE47" s="292"/>
      <c r="AF47" s="292"/>
      <c r="AG47" s="293"/>
    </row>
    <row r="48" spans="1:33" s="3" customFormat="1" ht="15" customHeight="1">
      <c r="A48" s="90"/>
      <c r="B48" s="91"/>
      <c r="C48" s="208" t="s">
        <v>45</v>
      </c>
      <c r="D48" s="208"/>
      <c r="E48" s="208"/>
      <c r="F48" s="208"/>
      <c r="G48" s="208"/>
      <c r="H48" s="208"/>
      <c r="I48" s="208"/>
      <c r="J48" s="208"/>
      <c r="K48" s="208"/>
      <c r="L48" s="208"/>
      <c r="M48" s="208"/>
      <c r="N48" s="208"/>
      <c r="O48" s="208"/>
      <c r="P48" s="291"/>
      <c r="Q48" s="291"/>
      <c r="R48" s="291"/>
      <c r="S48" s="291"/>
      <c r="T48" s="291"/>
      <c r="U48" s="291"/>
      <c r="V48" s="291"/>
      <c r="W48" s="291"/>
      <c r="X48" s="290"/>
      <c r="Y48" s="290"/>
      <c r="Z48" s="290"/>
      <c r="AA48" s="290"/>
      <c r="AB48" s="294"/>
      <c r="AC48" s="294"/>
      <c r="AD48" s="294"/>
      <c r="AE48" s="294"/>
      <c r="AF48" s="294"/>
      <c r="AG48" s="295"/>
    </row>
    <row r="49" spans="1:33" ht="13.5" customHeight="1">
      <c r="AG49" s="12" t="s">
        <v>46</v>
      </c>
    </row>
    <row r="50" spans="1:33" ht="18.75" customHeight="1">
      <c r="A50" s="65" t="s">
        <v>47</v>
      </c>
      <c r="B50" s="65"/>
      <c r="C50" s="65"/>
      <c r="D50" s="65"/>
      <c r="E50" s="65"/>
      <c r="F50" s="65"/>
      <c r="G50" s="65"/>
      <c r="H50" s="65"/>
      <c r="I50" s="65"/>
      <c r="J50" s="65"/>
      <c r="K50" s="65"/>
      <c r="L50" s="65"/>
      <c r="M50" s="65"/>
      <c r="N50" s="65"/>
      <c r="O50" s="65"/>
      <c r="P50" s="65"/>
      <c r="Q50" s="65"/>
      <c r="R50" s="65"/>
      <c r="S50" s="65"/>
      <c r="T50" s="65"/>
      <c r="U50" s="65"/>
      <c r="V50" s="65"/>
      <c r="W50" s="65"/>
      <c r="X50" s="65"/>
      <c r="Y50" s="65"/>
      <c r="Z50" s="65"/>
      <c r="AA50" s="65"/>
      <c r="AB50" s="65"/>
      <c r="AC50" s="65"/>
      <c r="AD50" s="65"/>
      <c r="AE50" s="65"/>
      <c r="AF50" s="65"/>
      <c r="AG50" s="65"/>
    </row>
    <row r="52" spans="1:33" ht="18.75" customHeight="1">
      <c r="A52" s="4" t="s">
        <v>2</v>
      </c>
    </row>
    <row r="62" spans="1:33" ht="18.75" customHeight="1">
      <c r="A62" s="220" t="s">
        <v>48</v>
      </c>
      <c r="B62" s="169"/>
      <c r="C62" s="169"/>
      <c r="D62" s="169"/>
      <c r="E62" s="169"/>
      <c r="F62" s="169"/>
      <c r="G62" s="169"/>
      <c r="H62" s="169"/>
      <c r="I62" s="169"/>
      <c r="J62" s="169"/>
      <c r="K62" s="169"/>
      <c r="L62" s="169"/>
      <c r="M62" s="169"/>
      <c r="N62" s="169"/>
      <c r="O62" s="169" t="s">
        <v>49</v>
      </c>
      <c r="P62" s="169"/>
      <c r="Q62" s="169"/>
      <c r="R62" s="169"/>
      <c r="S62" s="169"/>
      <c r="T62" s="169"/>
      <c r="U62" s="169"/>
      <c r="V62" s="169"/>
      <c r="W62" s="169"/>
      <c r="X62" s="169"/>
      <c r="Y62" s="169"/>
      <c r="Z62" s="169"/>
      <c r="AA62" s="169"/>
      <c r="AB62" s="169"/>
      <c r="AC62" s="169" t="s">
        <v>50</v>
      </c>
      <c r="AD62" s="169"/>
      <c r="AE62" s="169"/>
      <c r="AF62" s="169"/>
      <c r="AG62" s="170"/>
    </row>
    <row r="63" spans="1:33" ht="18.75" customHeight="1">
      <c r="A63" s="159" t="s">
        <v>51</v>
      </c>
      <c r="B63" s="102"/>
      <c r="C63" s="102"/>
      <c r="D63" s="102"/>
      <c r="E63" s="102"/>
      <c r="F63" s="102"/>
      <c r="G63" s="102"/>
      <c r="H63" s="102" t="s">
        <v>52</v>
      </c>
      <c r="I63" s="102"/>
      <c r="J63" s="102"/>
      <c r="K63" s="102"/>
      <c r="L63" s="102"/>
      <c r="M63" s="102"/>
      <c r="N63" s="102"/>
      <c r="O63" s="102" t="s">
        <v>53</v>
      </c>
      <c r="P63" s="102"/>
      <c r="Q63" s="102"/>
      <c r="R63" s="102"/>
      <c r="S63" s="102"/>
      <c r="T63" s="102"/>
      <c r="U63" s="102"/>
      <c r="V63" s="102" t="s">
        <v>54</v>
      </c>
      <c r="W63" s="102"/>
      <c r="X63" s="102"/>
      <c r="Y63" s="102"/>
      <c r="Z63" s="102"/>
      <c r="AA63" s="102"/>
      <c r="AB63" s="102"/>
      <c r="AC63" s="102" t="s">
        <v>112</v>
      </c>
      <c r="AD63" s="102"/>
      <c r="AE63" s="102"/>
      <c r="AF63" s="102"/>
      <c r="AG63" s="171"/>
    </row>
    <row r="64" spans="1:33" ht="18.75" customHeight="1">
      <c r="A64" s="156" t="s">
        <v>75</v>
      </c>
      <c r="B64" s="157"/>
      <c r="C64" s="157"/>
      <c r="D64" s="157"/>
      <c r="E64" s="157"/>
      <c r="F64" s="157"/>
      <c r="G64" s="157"/>
      <c r="H64" s="157" t="s">
        <v>76</v>
      </c>
      <c r="I64" s="157"/>
      <c r="J64" s="157"/>
      <c r="K64" s="157"/>
      <c r="L64" s="157"/>
      <c r="M64" s="157"/>
      <c r="N64" s="157"/>
      <c r="O64" s="158" t="s">
        <v>113</v>
      </c>
      <c r="P64" s="158"/>
      <c r="Q64" s="158"/>
      <c r="R64" s="158"/>
      <c r="S64" s="158"/>
      <c r="T64" s="158"/>
      <c r="U64" s="158"/>
      <c r="V64" s="158" t="s">
        <v>114</v>
      </c>
      <c r="W64" s="158"/>
      <c r="X64" s="158"/>
      <c r="Y64" s="158"/>
      <c r="Z64" s="158"/>
      <c r="AA64" s="158"/>
      <c r="AB64" s="158"/>
      <c r="AC64" s="158" t="s">
        <v>135</v>
      </c>
      <c r="AD64" s="158"/>
      <c r="AE64" s="158"/>
      <c r="AF64" s="158"/>
      <c r="AG64" s="176"/>
    </row>
    <row r="65" spans="1:33" ht="13.5" customHeight="1">
      <c r="AC65" s="13"/>
      <c r="AD65" s="13"/>
      <c r="AE65" s="13"/>
      <c r="AF65" s="13"/>
      <c r="AG65" s="13" t="s">
        <v>55</v>
      </c>
    </row>
    <row r="66" spans="1:33" ht="15.95" customHeight="1"/>
    <row r="67" spans="1:33" ht="20.100000000000001" customHeight="1">
      <c r="A67" s="4" t="s">
        <v>3</v>
      </c>
    </row>
    <row r="68" spans="1:33" ht="15.95" customHeight="1"/>
    <row r="69" spans="1:33" ht="20.100000000000001" customHeight="1"/>
    <row r="70" spans="1:33" ht="20.100000000000001" customHeight="1"/>
    <row r="71" spans="1:33" ht="20.100000000000001" customHeight="1"/>
    <row r="72" spans="1:33" ht="20.100000000000001" customHeight="1"/>
    <row r="73" spans="1:33" ht="15.95" customHeight="1"/>
    <row r="74" spans="1:33" ht="20.100000000000001" customHeight="1">
      <c r="A74" s="4" t="s">
        <v>4</v>
      </c>
    </row>
    <row r="75" spans="1:33" ht="15.95" customHeight="1"/>
    <row r="76" spans="1:33" ht="20.100000000000001" customHeight="1"/>
    <row r="77" spans="1:33" ht="20.100000000000001" customHeight="1"/>
    <row r="78" spans="1:33" ht="20.100000000000001" customHeight="1"/>
    <row r="79" spans="1:33" ht="20.100000000000001" customHeight="1"/>
    <row r="80" spans="1:33" ht="15.95" customHeight="1"/>
    <row r="81" spans="1:33" s="23" customFormat="1" ht="20.100000000000001" customHeight="1">
      <c r="A81" s="4" t="s">
        <v>136</v>
      </c>
      <c r="B81" s="25"/>
      <c r="C81" s="25"/>
      <c r="D81" s="25"/>
      <c r="E81" s="25"/>
      <c r="F81" s="25"/>
      <c r="G81" s="25"/>
      <c r="H81" s="25"/>
      <c r="I81" s="25"/>
      <c r="J81" s="25"/>
      <c r="K81" s="25"/>
      <c r="L81" s="25"/>
      <c r="M81" s="25"/>
      <c r="N81" s="25"/>
      <c r="O81" s="25"/>
      <c r="P81" s="25"/>
      <c r="Q81" s="25"/>
      <c r="R81" s="25"/>
      <c r="S81" s="25"/>
      <c r="T81" s="25"/>
      <c r="U81" s="25"/>
      <c r="V81" s="25"/>
      <c r="W81" s="25"/>
      <c r="X81" s="25"/>
      <c r="Y81" s="25"/>
      <c r="Z81" s="25"/>
      <c r="AA81" s="25"/>
      <c r="AB81" s="25"/>
      <c r="AC81" s="25"/>
      <c r="AD81" s="25"/>
      <c r="AE81" s="25"/>
      <c r="AF81" s="25"/>
      <c r="AG81" s="25"/>
    </row>
    <row r="82" spans="1:33" s="23" customFormat="1" ht="15.95" customHeight="1">
      <c r="A82" s="4"/>
      <c r="B82" s="1" t="s">
        <v>56</v>
      </c>
      <c r="C82" s="1"/>
      <c r="D82" s="1"/>
      <c r="E82" s="1"/>
      <c r="F82" s="1"/>
      <c r="G82" s="1"/>
      <c r="H82" s="1"/>
      <c r="I82" s="25"/>
      <c r="J82" s="25"/>
      <c r="K82" s="25"/>
      <c r="L82" s="25"/>
      <c r="M82" s="25"/>
      <c r="N82" s="25"/>
      <c r="O82" s="25"/>
      <c r="P82" s="25"/>
      <c r="Q82" s="25"/>
      <c r="R82" s="25"/>
      <c r="S82" s="25"/>
      <c r="T82" s="25"/>
      <c r="U82" s="25"/>
      <c r="V82" s="25"/>
      <c r="W82" s="25"/>
      <c r="X82" s="25"/>
      <c r="Y82" s="25"/>
      <c r="Z82" s="25"/>
      <c r="AA82" s="25"/>
      <c r="AB82" s="25"/>
      <c r="AC82" s="25"/>
      <c r="AD82" s="25"/>
      <c r="AE82" s="25"/>
      <c r="AF82" s="25"/>
      <c r="AG82" s="14" t="s">
        <v>57</v>
      </c>
    </row>
    <row r="83" spans="1:33" ht="20.100000000000001" customHeight="1">
      <c r="A83" s="125" t="s">
        <v>77</v>
      </c>
      <c r="B83" s="126"/>
      <c r="C83" s="127"/>
      <c r="D83" s="104" t="s">
        <v>78</v>
      </c>
      <c r="E83" s="105"/>
      <c r="F83" s="106"/>
      <c r="G83" s="104" t="s">
        <v>79</v>
      </c>
      <c r="H83" s="105"/>
      <c r="I83" s="106"/>
      <c r="J83" s="104" t="s">
        <v>80</v>
      </c>
      <c r="K83" s="105"/>
      <c r="L83" s="106"/>
      <c r="M83" s="104" t="s">
        <v>115</v>
      </c>
      <c r="N83" s="105"/>
      <c r="O83" s="106"/>
      <c r="P83" s="104" t="s">
        <v>81</v>
      </c>
      <c r="Q83" s="105"/>
      <c r="R83" s="106"/>
      <c r="S83" s="104" t="s">
        <v>116</v>
      </c>
      <c r="T83" s="105"/>
      <c r="U83" s="106"/>
      <c r="V83" s="104" t="s">
        <v>117</v>
      </c>
      <c r="W83" s="105"/>
      <c r="X83" s="106"/>
      <c r="Y83" s="214" t="s">
        <v>118</v>
      </c>
      <c r="Z83" s="215"/>
      <c r="AA83" s="216"/>
      <c r="AB83" s="163" t="s">
        <v>142</v>
      </c>
      <c r="AC83" s="164"/>
      <c r="AD83" s="165"/>
      <c r="AE83" s="104" t="s">
        <v>82</v>
      </c>
      <c r="AF83" s="105"/>
      <c r="AG83" s="178"/>
    </row>
    <row r="84" spans="1:33" ht="20.100000000000001" customHeight="1">
      <c r="A84" s="99" t="s">
        <v>119</v>
      </c>
      <c r="B84" s="100"/>
      <c r="C84" s="101"/>
      <c r="D84" s="61"/>
      <c r="E84" s="62"/>
      <c r="F84" s="63"/>
      <c r="G84" s="61"/>
      <c r="H84" s="62"/>
      <c r="I84" s="63"/>
      <c r="J84" s="61"/>
      <c r="K84" s="62"/>
      <c r="L84" s="63"/>
      <c r="M84" s="61"/>
      <c r="N84" s="62"/>
      <c r="O84" s="63"/>
      <c r="P84" s="61"/>
      <c r="Q84" s="62"/>
      <c r="R84" s="63"/>
      <c r="S84" s="61"/>
      <c r="T84" s="62"/>
      <c r="U84" s="63"/>
      <c r="V84" s="61"/>
      <c r="W84" s="62"/>
      <c r="X84" s="63"/>
      <c r="Y84" s="217"/>
      <c r="Z84" s="218"/>
      <c r="AA84" s="219"/>
      <c r="AB84" s="166"/>
      <c r="AC84" s="167"/>
      <c r="AD84" s="168"/>
      <c r="AE84" s="61"/>
      <c r="AF84" s="62"/>
      <c r="AG84" s="179"/>
    </row>
    <row r="85" spans="1:33" ht="20.100000000000001" customHeight="1">
      <c r="A85" s="221">
        <v>5</v>
      </c>
      <c r="B85" s="222"/>
      <c r="C85" s="223"/>
      <c r="D85" s="32">
        <v>4292</v>
      </c>
      <c r="E85" s="33"/>
      <c r="F85" s="33"/>
      <c r="G85" s="33">
        <v>720</v>
      </c>
      <c r="H85" s="33"/>
      <c r="I85" s="33"/>
      <c r="J85" s="33">
        <v>268</v>
      </c>
      <c r="K85" s="33"/>
      <c r="L85" s="33"/>
      <c r="M85" s="33">
        <v>691</v>
      </c>
      <c r="N85" s="33"/>
      <c r="O85" s="33"/>
      <c r="P85" s="33">
        <v>1</v>
      </c>
      <c r="Q85" s="33"/>
      <c r="R85" s="33"/>
      <c r="S85" s="33">
        <v>836</v>
      </c>
      <c r="T85" s="33"/>
      <c r="U85" s="33"/>
      <c r="V85" s="33">
        <v>25</v>
      </c>
      <c r="W85" s="33"/>
      <c r="X85" s="33"/>
      <c r="Y85" s="33">
        <v>29</v>
      </c>
      <c r="Z85" s="33"/>
      <c r="AA85" s="33"/>
      <c r="AB85" s="33">
        <v>70</v>
      </c>
      <c r="AC85" s="33"/>
      <c r="AD85" s="33"/>
      <c r="AE85" s="33">
        <v>1652</v>
      </c>
      <c r="AF85" s="33"/>
      <c r="AG85" s="180"/>
    </row>
    <row r="86" spans="1:33" ht="20.100000000000001" customHeight="1">
      <c r="A86" s="94">
        <v>6</v>
      </c>
      <c r="B86" s="95"/>
      <c r="C86" s="96"/>
      <c r="D86" s="97">
        <v>4292</v>
      </c>
      <c r="E86" s="98"/>
      <c r="F86" s="98"/>
      <c r="G86" s="103">
        <v>712</v>
      </c>
      <c r="H86" s="103"/>
      <c r="I86" s="103"/>
      <c r="J86" s="103">
        <v>260</v>
      </c>
      <c r="K86" s="103"/>
      <c r="L86" s="103"/>
      <c r="M86" s="103">
        <v>708</v>
      </c>
      <c r="N86" s="103"/>
      <c r="O86" s="103"/>
      <c r="P86" s="103">
        <v>1</v>
      </c>
      <c r="Q86" s="103"/>
      <c r="R86" s="103"/>
      <c r="S86" s="103">
        <v>832</v>
      </c>
      <c r="T86" s="103"/>
      <c r="U86" s="103"/>
      <c r="V86" s="103">
        <v>25</v>
      </c>
      <c r="W86" s="103"/>
      <c r="X86" s="103"/>
      <c r="Y86" s="103">
        <v>29</v>
      </c>
      <c r="Z86" s="103"/>
      <c r="AA86" s="103"/>
      <c r="AB86" s="103">
        <v>70</v>
      </c>
      <c r="AC86" s="103"/>
      <c r="AD86" s="103"/>
      <c r="AE86" s="103">
        <v>1655</v>
      </c>
      <c r="AF86" s="103"/>
      <c r="AG86" s="173"/>
    </row>
    <row r="87" spans="1:33" ht="20.100000000000001" customHeight="1">
      <c r="A87" s="209">
        <v>7</v>
      </c>
      <c r="B87" s="210"/>
      <c r="C87" s="211"/>
      <c r="D87" s="212">
        <v>4292</v>
      </c>
      <c r="E87" s="213"/>
      <c r="F87" s="213"/>
      <c r="G87" s="46">
        <v>709</v>
      </c>
      <c r="H87" s="46"/>
      <c r="I87" s="46"/>
      <c r="J87" s="46">
        <v>261</v>
      </c>
      <c r="K87" s="46"/>
      <c r="L87" s="46"/>
      <c r="M87" s="46">
        <v>710</v>
      </c>
      <c r="N87" s="46"/>
      <c r="O87" s="46"/>
      <c r="P87" s="46">
        <v>1</v>
      </c>
      <c r="Q87" s="46"/>
      <c r="R87" s="46"/>
      <c r="S87" s="46">
        <v>832</v>
      </c>
      <c r="T87" s="46"/>
      <c r="U87" s="46"/>
      <c r="V87" s="46">
        <v>25</v>
      </c>
      <c r="W87" s="46"/>
      <c r="X87" s="46"/>
      <c r="Y87" s="46">
        <v>29</v>
      </c>
      <c r="Z87" s="46"/>
      <c r="AA87" s="46"/>
      <c r="AB87" s="46">
        <v>70</v>
      </c>
      <c r="AC87" s="46"/>
      <c r="AD87" s="46"/>
      <c r="AE87" s="46">
        <v>1655</v>
      </c>
      <c r="AF87" s="46"/>
      <c r="AG87" s="181"/>
    </row>
    <row r="88" spans="1:33" ht="13.5" customHeight="1">
      <c r="AC88" s="177" t="s">
        <v>58</v>
      </c>
      <c r="AD88" s="177"/>
      <c r="AE88" s="177"/>
      <c r="AF88" s="177"/>
      <c r="AG88" s="177"/>
    </row>
    <row r="89" spans="1:33" ht="15.95" customHeight="1"/>
    <row r="90" spans="1:33" s="23" customFormat="1" ht="18.75" customHeight="1">
      <c r="A90" s="4" t="s">
        <v>137</v>
      </c>
      <c r="B90" s="25"/>
      <c r="C90" s="25"/>
      <c r="D90" s="25"/>
      <c r="E90" s="25"/>
      <c r="F90" s="25"/>
      <c r="G90" s="25"/>
      <c r="H90" s="25"/>
      <c r="I90" s="25"/>
      <c r="J90" s="25"/>
      <c r="K90" s="25"/>
      <c r="L90" s="25"/>
      <c r="M90" s="25"/>
      <c r="N90" s="25"/>
      <c r="O90" s="25"/>
      <c r="P90" s="25"/>
      <c r="Q90" s="25"/>
      <c r="R90" s="25"/>
      <c r="S90" s="25"/>
      <c r="T90" s="25"/>
      <c r="U90" s="25"/>
      <c r="V90" s="25"/>
      <c r="W90" s="25"/>
      <c r="X90" s="25"/>
      <c r="Y90" s="25"/>
      <c r="Z90" s="25"/>
      <c r="AA90" s="25"/>
      <c r="AB90" s="25"/>
      <c r="AC90" s="25"/>
      <c r="AD90" s="25"/>
      <c r="AE90" s="25"/>
      <c r="AF90" s="25"/>
      <c r="AG90" s="25"/>
    </row>
    <row r="91" spans="1:33" s="23" customFormat="1" ht="15.95" customHeight="1">
      <c r="A91" s="4"/>
      <c r="B91" s="1" t="s">
        <v>143</v>
      </c>
      <c r="C91" s="1"/>
      <c r="D91" s="1"/>
      <c r="E91" s="1"/>
      <c r="F91" s="1"/>
      <c r="G91" s="1"/>
      <c r="H91" s="1"/>
      <c r="I91" s="1"/>
      <c r="J91" s="1"/>
      <c r="K91" s="25"/>
      <c r="L91" s="25"/>
      <c r="M91" s="25"/>
      <c r="N91" s="25"/>
      <c r="O91" s="25"/>
      <c r="P91" s="25"/>
      <c r="Q91" s="25"/>
      <c r="R91" s="25"/>
      <c r="S91" s="25"/>
      <c r="T91" s="25"/>
      <c r="U91" s="25"/>
      <c r="V91" s="25"/>
      <c r="W91" s="25"/>
      <c r="X91" s="25"/>
      <c r="Y91" s="25"/>
      <c r="Z91" s="25"/>
      <c r="AA91" s="25"/>
      <c r="AB91" s="25"/>
      <c r="AC91" s="25"/>
      <c r="AD91" s="25"/>
      <c r="AE91" s="25"/>
      <c r="AF91" s="25"/>
      <c r="AG91" s="15" t="s">
        <v>84</v>
      </c>
    </row>
    <row r="92" spans="1:33" ht="18.75" customHeight="1">
      <c r="A92" s="125" t="s">
        <v>77</v>
      </c>
      <c r="B92" s="126"/>
      <c r="C92" s="127"/>
      <c r="D92" s="47" t="s">
        <v>85</v>
      </c>
      <c r="E92" s="48"/>
      <c r="F92" s="49"/>
      <c r="G92" s="47" t="s">
        <v>79</v>
      </c>
      <c r="H92" s="48"/>
      <c r="I92" s="49"/>
      <c r="J92" s="47" t="s">
        <v>80</v>
      </c>
      <c r="K92" s="48"/>
      <c r="L92" s="49"/>
      <c r="M92" s="47" t="s">
        <v>86</v>
      </c>
      <c r="N92" s="48"/>
      <c r="O92" s="49"/>
      <c r="P92" s="47" t="s">
        <v>81</v>
      </c>
      <c r="Q92" s="48"/>
      <c r="R92" s="49"/>
      <c r="S92" s="47" t="s">
        <v>87</v>
      </c>
      <c r="T92" s="48"/>
      <c r="U92" s="49"/>
      <c r="V92" s="47" t="s">
        <v>88</v>
      </c>
      <c r="W92" s="48"/>
      <c r="X92" s="49"/>
      <c r="Y92" s="163" t="s">
        <v>118</v>
      </c>
      <c r="Z92" s="164"/>
      <c r="AA92" s="165"/>
      <c r="AB92" s="163" t="s">
        <v>120</v>
      </c>
      <c r="AC92" s="164"/>
      <c r="AD92" s="165"/>
      <c r="AE92" s="47" t="s">
        <v>82</v>
      </c>
      <c r="AF92" s="48"/>
      <c r="AG92" s="174"/>
    </row>
    <row r="93" spans="1:33" ht="18.75" customHeight="1">
      <c r="A93" s="99" t="s">
        <v>89</v>
      </c>
      <c r="B93" s="100"/>
      <c r="C93" s="101"/>
      <c r="D93" s="50"/>
      <c r="E93" s="51"/>
      <c r="F93" s="52"/>
      <c r="G93" s="50"/>
      <c r="H93" s="51"/>
      <c r="I93" s="52"/>
      <c r="J93" s="50"/>
      <c r="K93" s="51"/>
      <c r="L93" s="52"/>
      <c r="M93" s="50"/>
      <c r="N93" s="51"/>
      <c r="O93" s="52"/>
      <c r="P93" s="50"/>
      <c r="Q93" s="51"/>
      <c r="R93" s="52"/>
      <c r="S93" s="50"/>
      <c r="T93" s="51"/>
      <c r="U93" s="52"/>
      <c r="V93" s="50"/>
      <c r="W93" s="51"/>
      <c r="X93" s="52"/>
      <c r="Y93" s="166"/>
      <c r="Z93" s="167"/>
      <c r="AA93" s="168"/>
      <c r="AB93" s="166"/>
      <c r="AC93" s="167"/>
      <c r="AD93" s="168"/>
      <c r="AE93" s="50"/>
      <c r="AF93" s="51"/>
      <c r="AG93" s="175"/>
    </row>
    <row r="94" spans="1:33" ht="18.75" customHeight="1">
      <c r="A94" s="160" t="s">
        <v>78</v>
      </c>
      <c r="B94" s="161"/>
      <c r="C94" s="162"/>
      <c r="D94" s="53">
        <v>27980</v>
      </c>
      <c r="E94" s="31"/>
      <c r="F94" s="31"/>
      <c r="G94" s="31">
        <v>7089</v>
      </c>
      <c r="H94" s="31"/>
      <c r="I94" s="31"/>
      <c r="J94" s="31">
        <v>2608</v>
      </c>
      <c r="K94" s="31"/>
      <c r="L94" s="31"/>
      <c r="M94" s="31">
        <v>7072</v>
      </c>
      <c r="N94" s="31"/>
      <c r="O94" s="31"/>
      <c r="P94" s="31">
        <v>9</v>
      </c>
      <c r="Q94" s="31"/>
      <c r="R94" s="31"/>
      <c r="S94" s="31">
        <v>8317</v>
      </c>
      <c r="T94" s="31"/>
      <c r="U94" s="31"/>
      <c r="V94" s="31">
        <v>244</v>
      </c>
      <c r="W94" s="31"/>
      <c r="X94" s="31"/>
      <c r="Y94" s="31">
        <v>289</v>
      </c>
      <c r="Z94" s="31"/>
      <c r="AA94" s="31"/>
      <c r="AB94" s="31">
        <v>700</v>
      </c>
      <c r="AC94" s="31"/>
      <c r="AD94" s="31"/>
      <c r="AE94" s="31">
        <v>1652</v>
      </c>
      <c r="AF94" s="31"/>
      <c r="AG94" s="196"/>
    </row>
    <row r="95" spans="1:33" ht="18.75" customHeight="1">
      <c r="A95" s="43" t="s">
        <v>90</v>
      </c>
      <c r="B95" s="44"/>
      <c r="C95" s="45"/>
      <c r="D95" s="35">
        <v>6413</v>
      </c>
      <c r="E95" s="36"/>
      <c r="F95" s="36"/>
      <c r="G95" s="72">
        <v>1538</v>
      </c>
      <c r="H95" s="72"/>
      <c r="I95" s="72"/>
      <c r="J95" s="72">
        <v>787</v>
      </c>
      <c r="K95" s="72"/>
      <c r="L95" s="72"/>
      <c r="M95" s="72">
        <v>2646</v>
      </c>
      <c r="N95" s="72"/>
      <c r="O95" s="72"/>
      <c r="P95" s="72">
        <v>1</v>
      </c>
      <c r="Q95" s="72"/>
      <c r="R95" s="72"/>
      <c r="S95" s="72">
        <v>573</v>
      </c>
      <c r="T95" s="72"/>
      <c r="U95" s="72"/>
      <c r="V95" s="72">
        <v>18</v>
      </c>
      <c r="W95" s="72"/>
      <c r="X95" s="72"/>
      <c r="Y95" s="72">
        <v>67</v>
      </c>
      <c r="Z95" s="72"/>
      <c r="AA95" s="72"/>
      <c r="AB95" s="72">
        <v>424</v>
      </c>
      <c r="AC95" s="72"/>
      <c r="AD95" s="72"/>
      <c r="AE95" s="72">
        <v>359</v>
      </c>
      <c r="AF95" s="72"/>
      <c r="AG95" s="193"/>
    </row>
    <row r="96" spans="1:33" ht="18.75" customHeight="1">
      <c r="A96" s="43" t="s">
        <v>91</v>
      </c>
      <c r="B96" s="44"/>
      <c r="C96" s="45"/>
      <c r="D96" s="35">
        <v>6298</v>
      </c>
      <c r="E96" s="36"/>
      <c r="F96" s="36"/>
      <c r="G96" s="72">
        <v>1370</v>
      </c>
      <c r="H96" s="72"/>
      <c r="I96" s="72"/>
      <c r="J96" s="72">
        <v>549</v>
      </c>
      <c r="K96" s="72"/>
      <c r="L96" s="72"/>
      <c r="M96" s="72">
        <v>2012</v>
      </c>
      <c r="N96" s="72"/>
      <c r="O96" s="72"/>
      <c r="P96" s="72">
        <v>4</v>
      </c>
      <c r="Q96" s="72"/>
      <c r="R96" s="72"/>
      <c r="S96" s="72">
        <v>1540</v>
      </c>
      <c r="T96" s="72"/>
      <c r="U96" s="72"/>
      <c r="V96" s="72">
        <v>43</v>
      </c>
      <c r="W96" s="72"/>
      <c r="X96" s="72"/>
      <c r="Y96" s="72">
        <v>125</v>
      </c>
      <c r="Z96" s="72"/>
      <c r="AA96" s="72"/>
      <c r="AB96" s="72">
        <v>276</v>
      </c>
      <c r="AC96" s="72"/>
      <c r="AD96" s="72"/>
      <c r="AE96" s="72">
        <v>379</v>
      </c>
      <c r="AF96" s="72"/>
      <c r="AG96" s="193"/>
    </row>
    <row r="97" spans="1:33" ht="18.75" customHeight="1">
      <c r="A97" s="43" t="s">
        <v>92</v>
      </c>
      <c r="B97" s="44"/>
      <c r="C97" s="45"/>
      <c r="D97" s="35">
        <v>2641</v>
      </c>
      <c r="E97" s="36"/>
      <c r="F97" s="36"/>
      <c r="G97" s="72">
        <v>1258</v>
      </c>
      <c r="H97" s="72"/>
      <c r="I97" s="72"/>
      <c r="J97" s="72">
        <v>417</v>
      </c>
      <c r="K97" s="72"/>
      <c r="L97" s="72"/>
      <c r="M97" s="72">
        <v>785</v>
      </c>
      <c r="N97" s="72"/>
      <c r="O97" s="72"/>
      <c r="P97" s="172">
        <v>0</v>
      </c>
      <c r="Q97" s="172"/>
      <c r="R97" s="172"/>
      <c r="S97" s="72">
        <v>54</v>
      </c>
      <c r="T97" s="72"/>
      <c r="U97" s="72"/>
      <c r="V97" s="72">
        <v>0</v>
      </c>
      <c r="W97" s="72"/>
      <c r="X97" s="72"/>
      <c r="Y97" s="192" t="s">
        <v>141</v>
      </c>
      <c r="Z97" s="192"/>
      <c r="AA97" s="192"/>
      <c r="AB97" s="192" t="s">
        <v>141</v>
      </c>
      <c r="AC97" s="192"/>
      <c r="AD97" s="192"/>
      <c r="AE97" s="72">
        <v>127</v>
      </c>
      <c r="AF97" s="72"/>
      <c r="AG97" s="193"/>
    </row>
    <row r="98" spans="1:33" ht="18.75" customHeight="1">
      <c r="A98" s="43" t="s">
        <v>93</v>
      </c>
      <c r="B98" s="44"/>
      <c r="C98" s="45"/>
      <c r="D98" s="35">
        <v>3656</v>
      </c>
      <c r="E98" s="36"/>
      <c r="F98" s="36"/>
      <c r="G98" s="72">
        <v>1210</v>
      </c>
      <c r="H98" s="72"/>
      <c r="I98" s="72"/>
      <c r="J98" s="72">
        <v>323</v>
      </c>
      <c r="K98" s="72"/>
      <c r="L98" s="72"/>
      <c r="M98" s="72">
        <v>1101</v>
      </c>
      <c r="N98" s="72"/>
      <c r="O98" s="72"/>
      <c r="P98" s="72">
        <v>4</v>
      </c>
      <c r="Q98" s="72"/>
      <c r="R98" s="72"/>
      <c r="S98" s="72">
        <v>758</v>
      </c>
      <c r="T98" s="72"/>
      <c r="U98" s="72"/>
      <c r="V98" s="72">
        <v>16</v>
      </c>
      <c r="W98" s="72"/>
      <c r="X98" s="72"/>
      <c r="Y98" s="72">
        <v>97</v>
      </c>
      <c r="Z98" s="72"/>
      <c r="AA98" s="72"/>
      <c r="AB98" s="192" t="s">
        <v>141</v>
      </c>
      <c r="AC98" s="192"/>
      <c r="AD98" s="192"/>
      <c r="AE98" s="72">
        <v>147</v>
      </c>
      <c r="AF98" s="72"/>
      <c r="AG98" s="193"/>
    </row>
    <row r="99" spans="1:33" ht="18.75" customHeight="1">
      <c r="A99" s="232" t="s">
        <v>94</v>
      </c>
      <c r="B99" s="233"/>
      <c r="C99" s="234"/>
      <c r="D99" s="206">
        <v>8972</v>
      </c>
      <c r="E99" s="207"/>
      <c r="F99" s="207"/>
      <c r="G99" s="57">
        <v>1713</v>
      </c>
      <c r="H99" s="57"/>
      <c r="I99" s="57"/>
      <c r="J99" s="57">
        <v>532</v>
      </c>
      <c r="K99" s="57"/>
      <c r="L99" s="57"/>
      <c r="M99" s="57">
        <v>528</v>
      </c>
      <c r="N99" s="57"/>
      <c r="O99" s="57"/>
      <c r="P99" s="64">
        <v>0</v>
      </c>
      <c r="Q99" s="64"/>
      <c r="R99" s="64"/>
      <c r="S99" s="57">
        <v>5392</v>
      </c>
      <c r="T99" s="57"/>
      <c r="U99" s="57"/>
      <c r="V99" s="57">
        <v>167</v>
      </c>
      <c r="W99" s="57"/>
      <c r="X99" s="57"/>
      <c r="Y99" s="30" t="s">
        <v>141</v>
      </c>
      <c r="Z99" s="30"/>
      <c r="AA99" s="30"/>
      <c r="AB99" s="30" t="s">
        <v>141</v>
      </c>
      <c r="AC99" s="30"/>
      <c r="AD99" s="30"/>
      <c r="AE99" s="57">
        <v>640</v>
      </c>
      <c r="AF99" s="57"/>
      <c r="AG99" s="197"/>
    </row>
    <row r="100" spans="1:33" ht="13.5" customHeight="1">
      <c r="A100" s="16"/>
      <c r="B100" s="16"/>
      <c r="C100" s="16"/>
      <c r="D100" s="16"/>
      <c r="E100" s="16"/>
      <c r="F100" s="16"/>
      <c r="AD100" s="12"/>
      <c r="AE100" s="12"/>
      <c r="AF100" s="12"/>
      <c r="AG100" s="12" t="s">
        <v>83</v>
      </c>
    </row>
    <row r="101" spans="1:33" ht="18.75" customHeight="1">
      <c r="AC101" s="12"/>
      <c r="AD101" s="12"/>
      <c r="AE101" s="12"/>
      <c r="AF101" s="12"/>
      <c r="AG101" s="12"/>
    </row>
    <row r="102" spans="1:33" ht="18.75" customHeight="1">
      <c r="A102" s="65" t="s">
        <v>59</v>
      </c>
      <c r="B102" s="65"/>
      <c r="C102" s="65"/>
      <c r="D102" s="65"/>
      <c r="E102" s="65"/>
      <c r="F102" s="65"/>
      <c r="G102" s="65"/>
      <c r="H102" s="65"/>
      <c r="I102" s="65"/>
      <c r="J102" s="65"/>
      <c r="K102" s="65"/>
      <c r="L102" s="65"/>
      <c r="M102" s="65"/>
      <c r="N102" s="65"/>
      <c r="O102" s="65"/>
      <c r="P102" s="65"/>
      <c r="Q102" s="65"/>
      <c r="R102" s="65"/>
      <c r="S102" s="65"/>
      <c r="T102" s="65"/>
      <c r="U102" s="65"/>
      <c r="V102" s="65"/>
      <c r="W102" s="65"/>
      <c r="X102" s="65"/>
      <c r="Y102" s="65"/>
      <c r="Z102" s="65"/>
      <c r="AA102" s="65"/>
      <c r="AB102" s="65"/>
      <c r="AC102" s="65"/>
      <c r="AD102" s="65"/>
      <c r="AE102" s="65"/>
      <c r="AF102" s="65"/>
      <c r="AG102" s="65"/>
    </row>
    <row r="103" spans="1:33" ht="15.95" customHeight="1">
      <c r="A103" s="17"/>
      <c r="B103" s="17"/>
      <c r="C103" s="17"/>
      <c r="D103" s="17"/>
      <c r="E103" s="17"/>
      <c r="F103" s="17"/>
      <c r="G103" s="17"/>
      <c r="H103" s="17"/>
      <c r="I103" s="17"/>
      <c r="J103" s="17"/>
      <c r="K103" s="17"/>
      <c r="L103" s="17"/>
      <c r="M103" s="17"/>
      <c r="N103" s="17"/>
      <c r="O103" s="17"/>
      <c r="P103" s="17"/>
      <c r="Q103" s="17"/>
      <c r="R103" s="17"/>
      <c r="S103" s="17"/>
      <c r="T103" s="17"/>
      <c r="U103" s="17"/>
      <c r="V103" s="17"/>
      <c r="W103" s="17"/>
      <c r="X103" s="17"/>
      <c r="Y103" s="17"/>
      <c r="Z103" s="17"/>
      <c r="AA103" s="17"/>
      <c r="AB103" s="17"/>
      <c r="AC103" s="17"/>
      <c r="AD103" s="17"/>
      <c r="AE103" s="17"/>
      <c r="AF103" s="17"/>
      <c r="AG103" s="17"/>
    </row>
    <row r="104" spans="1:33" ht="20.100000000000001" customHeight="1">
      <c r="A104" s="4" t="s">
        <v>138</v>
      </c>
    </row>
    <row r="105" spans="1:33" ht="15.95" customHeight="1">
      <c r="A105" s="125" t="s">
        <v>77</v>
      </c>
      <c r="B105" s="126"/>
      <c r="C105" s="126"/>
      <c r="D105" s="126"/>
      <c r="E105" s="127"/>
      <c r="F105" s="128" t="s">
        <v>121</v>
      </c>
      <c r="G105" s="129"/>
      <c r="H105" s="129"/>
      <c r="I105" s="129"/>
      <c r="J105" s="129"/>
      <c r="K105" s="129"/>
      <c r="L105" s="129"/>
      <c r="M105" s="129"/>
      <c r="N105" s="130"/>
      <c r="O105" s="131" t="s">
        <v>122</v>
      </c>
      <c r="P105" s="132"/>
      <c r="Q105" s="132"/>
      <c r="R105" s="132"/>
      <c r="S105" s="132"/>
      <c r="T105" s="132"/>
      <c r="U105" s="133"/>
      <c r="V105" s="143" t="s">
        <v>123</v>
      </c>
      <c r="W105" s="144"/>
      <c r="X105" s="145"/>
      <c r="Y105" s="131" t="s">
        <v>124</v>
      </c>
      <c r="Z105" s="132"/>
      <c r="AA105" s="132"/>
      <c r="AB105" s="132"/>
      <c r="AC105" s="132"/>
      <c r="AD105" s="132"/>
      <c r="AE105" s="132"/>
      <c r="AF105" s="132"/>
      <c r="AG105" s="155"/>
    </row>
    <row r="106" spans="1:33" ht="15.95" customHeight="1">
      <c r="A106" s="85"/>
      <c r="B106" s="86"/>
      <c r="C106" s="86"/>
      <c r="D106" s="86"/>
      <c r="E106" s="87"/>
      <c r="F106" s="58" t="s">
        <v>125</v>
      </c>
      <c r="G106" s="59"/>
      <c r="H106" s="60"/>
      <c r="I106" s="58" t="s">
        <v>126</v>
      </c>
      <c r="J106" s="59"/>
      <c r="K106" s="60"/>
      <c r="L106" s="58" t="s">
        <v>127</v>
      </c>
      <c r="M106" s="59"/>
      <c r="N106" s="60"/>
      <c r="O106" s="58" t="s">
        <v>128</v>
      </c>
      <c r="P106" s="59"/>
      <c r="Q106" s="59"/>
      <c r="R106" s="60"/>
      <c r="S106" s="245" t="s">
        <v>129</v>
      </c>
      <c r="T106" s="246"/>
      <c r="U106" s="247"/>
      <c r="V106" s="146"/>
      <c r="W106" s="147"/>
      <c r="X106" s="148"/>
      <c r="Y106" s="73" t="s">
        <v>130</v>
      </c>
      <c r="Z106" s="74"/>
      <c r="AA106" s="75"/>
      <c r="AB106" s="66" t="s">
        <v>131</v>
      </c>
      <c r="AC106" s="67"/>
      <c r="AD106" s="68"/>
      <c r="AE106" s="73" t="s">
        <v>132</v>
      </c>
      <c r="AF106" s="74"/>
      <c r="AG106" s="194"/>
    </row>
    <row r="107" spans="1:33" ht="15.95" customHeight="1">
      <c r="A107" s="99" t="s">
        <v>95</v>
      </c>
      <c r="B107" s="100"/>
      <c r="C107" s="100"/>
      <c r="D107" s="100"/>
      <c r="E107" s="101"/>
      <c r="F107" s="61"/>
      <c r="G107" s="62"/>
      <c r="H107" s="63"/>
      <c r="I107" s="61"/>
      <c r="J107" s="62"/>
      <c r="K107" s="63"/>
      <c r="L107" s="61"/>
      <c r="M107" s="62"/>
      <c r="N107" s="63"/>
      <c r="O107" s="61"/>
      <c r="P107" s="62"/>
      <c r="Q107" s="62"/>
      <c r="R107" s="63"/>
      <c r="S107" s="217" t="s">
        <v>133</v>
      </c>
      <c r="T107" s="218"/>
      <c r="U107" s="219"/>
      <c r="V107" s="149"/>
      <c r="W107" s="150"/>
      <c r="X107" s="151"/>
      <c r="Y107" s="76"/>
      <c r="Z107" s="77"/>
      <c r="AA107" s="78"/>
      <c r="AB107" s="69"/>
      <c r="AC107" s="70"/>
      <c r="AD107" s="71"/>
      <c r="AE107" s="76"/>
      <c r="AF107" s="77"/>
      <c r="AG107" s="195"/>
    </row>
    <row r="108" spans="1:33" ht="20.100000000000001" customHeight="1">
      <c r="A108" s="228">
        <v>4</v>
      </c>
      <c r="B108" s="229"/>
      <c r="C108" s="229"/>
      <c r="D108" s="229"/>
      <c r="E108" s="230"/>
      <c r="F108" s="189">
        <v>16.224999999999998</v>
      </c>
      <c r="G108" s="190"/>
      <c r="H108" s="231"/>
      <c r="I108" s="189">
        <v>39</v>
      </c>
      <c r="J108" s="190"/>
      <c r="K108" s="231"/>
      <c r="L108" s="265">
        <v>-3.4</v>
      </c>
      <c r="M108" s="266"/>
      <c r="N108" s="267"/>
      <c r="O108" s="189">
        <v>1313.5</v>
      </c>
      <c r="P108" s="190"/>
      <c r="Q108" s="190"/>
      <c r="R108" s="231"/>
      <c r="S108" s="189">
        <v>105</v>
      </c>
      <c r="T108" s="190"/>
      <c r="U108" s="231"/>
      <c r="V108" s="152">
        <v>104</v>
      </c>
      <c r="W108" s="153"/>
      <c r="X108" s="154"/>
      <c r="Y108" s="189">
        <v>1.5250000000000004</v>
      </c>
      <c r="Z108" s="190"/>
      <c r="AA108" s="231"/>
      <c r="AB108" s="199" t="s">
        <v>140</v>
      </c>
      <c r="AC108" s="200"/>
      <c r="AD108" s="201"/>
      <c r="AE108" s="189">
        <v>17.2</v>
      </c>
      <c r="AF108" s="190"/>
      <c r="AG108" s="191"/>
    </row>
    <row r="109" spans="1:33" ht="20.100000000000001" customHeight="1">
      <c r="A109" s="259">
        <v>5</v>
      </c>
      <c r="B109" s="260"/>
      <c r="C109" s="260"/>
      <c r="D109" s="260"/>
      <c r="E109" s="261"/>
      <c r="F109" s="140">
        <v>16.733333333333334</v>
      </c>
      <c r="G109" s="141"/>
      <c r="H109" s="142"/>
      <c r="I109" s="140">
        <v>39.5</v>
      </c>
      <c r="J109" s="141"/>
      <c r="K109" s="142"/>
      <c r="L109" s="262">
        <v>-4.5999999999999996</v>
      </c>
      <c r="M109" s="263"/>
      <c r="N109" s="264"/>
      <c r="O109" s="140">
        <v>1209</v>
      </c>
      <c r="P109" s="141"/>
      <c r="Q109" s="141"/>
      <c r="R109" s="142"/>
      <c r="S109" s="140">
        <v>129.5</v>
      </c>
      <c r="T109" s="141"/>
      <c r="U109" s="142"/>
      <c r="V109" s="254">
        <v>113</v>
      </c>
      <c r="W109" s="255"/>
      <c r="X109" s="256"/>
      <c r="Y109" s="140">
        <v>1.5333333333333334</v>
      </c>
      <c r="Z109" s="141"/>
      <c r="AA109" s="142"/>
      <c r="AB109" s="182" t="s">
        <v>140</v>
      </c>
      <c r="AC109" s="183"/>
      <c r="AD109" s="184"/>
      <c r="AE109" s="140">
        <v>25.7</v>
      </c>
      <c r="AF109" s="141"/>
      <c r="AG109" s="198"/>
    </row>
    <row r="110" spans="1:33" ht="20.100000000000001" customHeight="1">
      <c r="A110" s="239">
        <v>6</v>
      </c>
      <c r="B110" s="240"/>
      <c r="C110" s="240"/>
      <c r="D110" s="240"/>
      <c r="E110" s="241"/>
      <c r="F110" s="79">
        <v>17.349999999999998</v>
      </c>
      <c r="G110" s="80"/>
      <c r="H110" s="81"/>
      <c r="I110" s="79">
        <v>39.5</v>
      </c>
      <c r="J110" s="80"/>
      <c r="K110" s="81"/>
      <c r="L110" s="236">
        <v>-2.2999999999999998</v>
      </c>
      <c r="M110" s="237"/>
      <c r="N110" s="238"/>
      <c r="O110" s="79">
        <v>1442.5</v>
      </c>
      <c r="P110" s="80"/>
      <c r="Q110" s="80"/>
      <c r="R110" s="81"/>
      <c r="S110" s="79">
        <v>95</v>
      </c>
      <c r="T110" s="80"/>
      <c r="U110" s="81"/>
      <c r="V110" s="268">
        <v>100</v>
      </c>
      <c r="W110" s="269"/>
      <c r="X110" s="270"/>
      <c r="Y110" s="79">
        <v>1.6</v>
      </c>
      <c r="Z110" s="80"/>
      <c r="AA110" s="81"/>
      <c r="AB110" s="186" t="s">
        <v>144</v>
      </c>
      <c r="AC110" s="187"/>
      <c r="AD110" s="188"/>
      <c r="AE110" s="79">
        <v>17.899999999999999</v>
      </c>
      <c r="AF110" s="80"/>
      <c r="AG110" s="185"/>
    </row>
    <row r="111" spans="1:33" ht="20.100000000000001" customHeight="1">
      <c r="A111" s="271" t="s">
        <v>60</v>
      </c>
      <c r="B111" s="272"/>
      <c r="C111" s="272"/>
      <c r="D111" s="272"/>
      <c r="E111" s="273"/>
      <c r="F111" s="189">
        <v>5.5</v>
      </c>
      <c r="G111" s="190"/>
      <c r="H111" s="231"/>
      <c r="I111" s="189">
        <v>14.3</v>
      </c>
      <c r="J111" s="190"/>
      <c r="K111" s="231"/>
      <c r="L111" s="189">
        <v>-2.2999999999999998</v>
      </c>
      <c r="M111" s="190"/>
      <c r="N111" s="231"/>
      <c r="O111" s="189">
        <v>30</v>
      </c>
      <c r="P111" s="190"/>
      <c r="Q111" s="190"/>
      <c r="R111" s="231"/>
      <c r="S111" s="189">
        <v>12.5</v>
      </c>
      <c r="T111" s="190"/>
      <c r="U111" s="231"/>
      <c r="V111" s="152">
        <v>6</v>
      </c>
      <c r="W111" s="153"/>
      <c r="X111" s="154"/>
      <c r="Y111" s="189">
        <v>1.6</v>
      </c>
      <c r="Z111" s="190"/>
      <c r="AA111" s="231"/>
      <c r="AB111" s="199" t="s">
        <v>145</v>
      </c>
      <c r="AC111" s="200"/>
      <c r="AD111" s="201"/>
      <c r="AE111" s="189">
        <v>14.5</v>
      </c>
      <c r="AF111" s="190"/>
      <c r="AG111" s="191"/>
    </row>
    <row r="112" spans="1:33" ht="20.100000000000001" customHeight="1">
      <c r="A112" s="225" t="s">
        <v>61</v>
      </c>
      <c r="B112" s="226"/>
      <c r="C112" s="226"/>
      <c r="D112" s="226"/>
      <c r="E112" s="227"/>
      <c r="F112" s="140">
        <v>7.1</v>
      </c>
      <c r="G112" s="141"/>
      <c r="H112" s="142"/>
      <c r="I112" s="140">
        <v>19.399999999999999</v>
      </c>
      <c r="J112" s="141"/>
      <c r="K112" s="142"/>
      <c r="L112" s="140">
        <v>-1.5</v>
      </c>
      <c r="M112" s="141"/>
      <c r="N112" s="142"/>
      <c r="O112" s="140">
        <v>93</v>
      </c>
      <c r="P112" s="141"/>
      <c r="Q112" s="141"/>
      <c r="R112" s="142"/>
      <c r="S112" s="140">
        <v>19.5</v>
      </c>
      <c r="T112" s="141"/>
      <c r="U112" s="142"/>
      <c r="V112" s="254">
        <v>12</v>
      </c>
      <c r="W112" s="255"/>
      <c r="X112" s="256"/>
      <c r="Y112" s="140">
        <v>1.6</v>
      </c>
      <c r="Z112" s="141"/>
      <c r="AA112" s="142"/>
      <c r="AB112" s="182" t="s">
        <v>144</v>
      </c>
      <c r="AC112" s="183"/>
      <c r="AD112" s="184"/>
      <c r="AE112" s="140">
        <v>15.6</v>
      </c>
      <c r="AF112" s="141"/>
      <c r="AG112" s="198"/>
    </row>
    <row r="113" spans="1:35" ht="20.100000000000001" customHeight="1">
      <c r="A113" s="225" t="s">
        <v>62</v>
      </c>
      <c r="B113" s="226"/>
      <c r="C113" s="226"/>
      <c r="D113" s="226"/>
      <c r="E113" s="227"/>
      <c r="F113" s="140">
        <v>8.1999999999999993</v>
      </c>
      <c r="G113" s="141"/>
      <c r="H113" s="142"/>
      <c r="I113" s="140">
        <v>24</v>
      </c>
      <c r="J113" s="141"/>
      <c r="K113" s="142"/>
      <c r="L113" s="140">
        <v>-2.2000000000000002</v>
      </c>
      <c r="M113" s="141"/>
      <c r="N113" s="142"/>
      <c r="O113" s="140">
        <v>187</v>
      </c>
      <c r="P113" s="141"/>
      <c r="Q113" s="141"/>
      <c r="R113" s="142"/>
      <c r="S113" s="140">
        <v>57</v>
      </c>
      <c r="T113" s="141"/>
      <c r="U113" s="142"/>
      <c r="V113" s="254">
        <v>14</v>
      </c>
      <c r="W113" s="255"/>
      <c r="X113" s="256"/>
      <c r="Y113" s="140">
        <v>1.8</v>
      </c>
      <c r="Z113" s="141"/>
      <c r="AA113" s="142"/>
      <c r="AB113" s="82" t="s">
        <v>140</v>
      </c>
      <c r="AC113" s="83"/>
      <c r="AD113" s="84"/>
      <c r="AE113" s="140">
        <v>16</v>
      </c>
      <c r="AF113" s="141"/>
      <c r="AG113" s="198"/>
    </row>
    <row r="114" spans="1:35" ht="20.100000000000001" customHeight="1">
      <c r="A114" s="225" t="s">
        <v>63</v>
      </c>
      <c r="B114" s="226"/>
      <c r="C114" s="226"/>
      <c r="D114" s="226"/>
      <c r="E114" s="227"/>
      <c r="F114" s="140">
        <v>17.100000000000001</v>
      </c>
      <c r="G114" s="141"/>
      <c r="H114" s="142"/>
      <c r="I114" s="140">
        <v>30.4</v>
      </c>
      <c r="J114" s="141"/>
      <c r="K114" s="142"/>
      <c r="L114" s="140">
        <v>3.5</v>
      </c>
      <c r="M114" s="141"/>
      <c r="N114" s="142"/>
      <c r="O114" s="140">
        <v>149.5</v>
      </c>
      <c r="P114" s="141"/>
      <c r="Q114" s="141"/>
      <c r="R114" s="142"/>
      <c r="S114" s="140">
        <v>54</v>
      </c>
      <c r="T114" s="141"/>
      <c r="U114" s="142"/>
      <c r="V114" s="254">
        <v>11</v>
      </c>
      <c r="W114" s="255"/>
      <c r="X114" s="256"/>
      <c r="Y114" s="140">
        <v>1.7</v>
      </c>
      <c r="Z114" s="141"/>
      <c r="AA114" s="142"/>
      <c r="AB114" s="82" t="s">
        <v>144</v>
      </c>
      <c r="AC114" s="83"/>
      <c r="AD114" s="84"/>
      <c r="AE114" s="140">
        <v>15.8</v>
      </c>
      <c r="AF114" s="141"/>
      <c r="AG114" s="198"/>
    </row>
    <row r="115" spans="1:35" ht="20.100000000000001" customHeight="1">
      <c r="A115" s="225" t="s">
        <v>64</v>
      </c>
      <c r="B115" s="226"/>
      <c r="C115" s="226"/>
      <c r="D115" s="226"/>
      <c r="E115" s="227"/>
      <c r="F115" s="140">
        <v>18.7</v>
      </c>
      <c r="G115" s="141"/>
      <c r="H115" s="142"/>
      <c r="I115" s="140">
        <v>30.4</v>
      </c>
      <c r="J115" s="141"/>
      <c r="K115" s="142"/>
      <c r="L115" s="140">
        <v>5.9</v>
      </c>
      <c r="M115" s="141"/>
      <c r="N115" s="142"/>
      <c r="O115" s="140">
        <v>193</v>
      </c>
      <c r="P115" s="141"/>
      <c r="Q115" s="141"/>
      <c r="R115" s="142"/>
      <c r="S115" s="140">
        <v>95</v>
      </c>
      <c r="T115" s="141"/>
      <c r="U115" s="142"/>
      <c r="V115" s="254">
        <v>10</v>
      </c>
      <c r="W115" s="255"/>
      <c r="X115" s="256"/>
      <c r="Y115" s="140">
        <v>1.7</v>
      </c>
      <c r="Z115" s="141"/>
      <c r="AA115" s="142"/>
      <c r="AB115" s="82" t="s">
        <v>140</v>
      </c>
      <c r="AC115" s="83"/>
      <c r="AD115" s="84"/>
      <c r="AE115" s="140">
        <v>15.7</v>
      </c>
      <c r="AF115" s="141"/>
      <c r="AG115" s="198"/>
      <c r="AI115" s="26"/>
    </row>
    <row r="116" spans="1:35" ht="20.100000000000001" customHeight="1">
      <c r="A116" s="225" t="s">
        <v>65</v>
      </c>
      <c r="B116" s="226"/>
      <c r="C116" s="226"/>
      <c r="D116" s="226"/>
      <c r="E116" s="227"/>
      <c r="F116" s="140">
        <v>23.4</v>
      </c>
      <c r="G116" s="141"/>
      <c r="H116" s="142"/>
      <c r="I116" s="140">
        <v>35.9</v>
      </c>
      <c r="J116" s="141"/>
      <c r="K116" s="142"/>
      <c r="L116" s="140">
        <v>13.3</v>
      </c>
      <c r="M116" s="141"/>
      <c r="N116" s="142"/>
      <c r="O116" s="140">
        <v>283.5</v>
      </c>
      <c r="P116" s="141"/>
      <c r="Q116" s="141"/>
      <c r="R116" s="142"/>
      <c r="S116" s="140">
        <v>88.5</v>
      </c>
      <c r="T116" s="141"/>
      <c r="U116" s="142"/>
      <c r="V116" s="254">
        <v>13</v>
      </c>
      <c r="W116" s="255"/>
      <c r="X116" s="256"/>
      <c r="Y116" s="140">
        <v>1.5</v>
      </c>
      <c r="Z116" s="141"/>
      <c r="AA116" s="142"/>
      <c r="AB116" s="82" t="s">
        <v>146</v>
      </c>
      <c r="AC116" s="83"/>
      <c r="AD116" s="84"/>
      <c r="AE116" s="140">
        <v>13.1</v>
      </c>
      <c r="AF116" s="141"/>
      <c r="AG116" s="198"/>
    </row>
    <row r="117" spans="1:35" ht="20.100000000000001" customHeight="1">
      <c r="A117" s="225" t="s">
        <v>66</v>
      </c>
      <c r="B117" s="226"/>
      <c r="C117" s="226"/>
      <c r="D117" s="226"/>
      <c r="E117" s="227"/>
      <c r="F117" s="140">
        <v>29.1</v>
      </c>
      <c r="G117" s="141"/>
      <c r="H117" s="142"/>
      <c r="I117" s="140">
        <v>38.4</v>
      </c>
      <c r="J117" s="141"/>
      <c r="K117" s="142"/>
      <c r="L117" s="140">
        <v>21.7</v>
      </c>
      <c r="M117" s="141"/>
      <c r="N117" s="142"/>
      <c r="O117" s="140">
        <v>130.5</v>
      </c>
      <c r="P117" s="141"/>
      <c r="Q117" s="141"/>
      <c r="R117" s="142"/>
      <c r="S117" s="140">
        <v>40</v>
      </c>
      <c r="T117" s="141"/>
      <c r="U117" s="142"/>
      <c r="V117" s="254">
        <v>8</v>
      </c>
      <c r="W117" s="255"/>
      <c r="X117" s="256"/>
      <c r="Y117" s="140">
        <v>1.5</v>
      </c>
      <c r="Z117" s="141"/>
      <c r="AA117" s="142"/>
      <c r="AB117" s="82" t="s">
        <v>140</v>
      </c>
      <c r="AC117" s="83"/>
      <c r="AD117" s="84"/>
      <c r="AE117" s="140">
        <v>14.4</v>
      </c>
      <c r="AF117" s="141"/>
      <c r="AG117" s="198"/>
    </row>
    <row r="118" spans="1:35" ht="20.100000000000001" customHeight="1">
      <c r="A118" s="225" t="s">
        <v>67</v>
      </c>
      <c r="B118" s="226"/>
      <c r="C118" s="226"/>
      <c r="D118" s="226"/>
      <c r="E118" s="227"/>
      <c r="F118" s="140">
        <v>29.7</v>
      </c>
      <c r="G118" s="141"/>
      <c r="H118" s="142"/>
      <c r="I118" s="140">
        <v>39.5</v>
      </c>
      <c r="J118" s="141"/>
      <c r="K118" s="142"/>
      <c r="L118" s="140">
        <v>22.7</v>
      </c>
      <c r="M118" s="141"/>
      <c r="N118" s="142"/>
      <c r="O118" s="140">
        <v>136.5</v>
      </c>
      <c r="P118" s="141"/>
      <c r="Q118" s="141"/>
      <c r="R118" s="142"/>
      <c r="S118" s="140">
        <v>48.5</v>
      </c>
      <c r="T118" s="141"/>
      <c r="U118" s="142"/>
      <c r="V118" s="254">
        <v>6</v>
      </c>
      <c r="W118" s="255"/>
      <c r="X118" s="256"/>
      <c r="Y118" s="140">
        <v>1.5</v>
      </c>
      <c r="Z118" s="141"/>
      <c r="AA118" s="142"/>
      <c r="AB118" s="82" t="s">
        <v>147</v>
      </c>
      <c r="AC118" s="83"/>
      <c r="AD118" s="84"/>
      <c r="AE118" s="140">
        <v>15.3</v>
      </c>
      <c r="AF118" s="141"/>
      <c r="AG118" s="198"/>
    </row>
    <row r="119" spans="1:35" ht="20.100000000000001" customHeight="1">
      <c r="A119" s="225" t="s">
        <v>68</v>
      </c>
      <c r="B119" s="226"/>
      <c r="C119" s="226"/>
      <c r="D119" s="226"/>
      <c r="E119" s="227"/>
      <c r="F119" s="140">
        <v>27.9</v>
      </c>
      <c r="G119" s="141"/>
      <c r="H119" s="142"/>
      <c r="I119" s="140">
        <v>37.799999999999997</v>
      </c>
      <c r="J119" s="141"/>
      <c r="K119" s="142"/>
      <c r="L119" s="140">
        <v>19</v>
      </c>
      <c r="M119" s="141"/>
      <c r="N119" s="142"/>
      <c r="O119" s="140">
        <v>26</v>
      </c>
      <c r="P119" s="141"/>
      <c r="Q119" s="141"/>
      <c r="R119" s="142"/>
      <c r="S119" s="140">
        <v>17</v>
      </c>
      <c r="T119" s="141"/>
      <c r="U119" s="142"/>
      <c r="V119" s="254">
        <v>3</v>
      </c>
      <c r="W119" s="255"/>
      <c r="X119" s="256"/>
      <c r="Y119" s="140">
        <v>1.5</v>
      </c>
      <c r="Z119" s="141"/>
      <c r="AA119" s="142"/>
      <c r="AB119" s="82" t="s">
        <v>148</v>
      </c>
      <c r="AC119" s="83"/>
      <c r="AD119" s="84"/>
      <c r="AE119" s="140">
        <v>13.9</v>
      </c>
      <c r="AF119" s="141"/>
      <c r="AG119" s="198"/>
    </row>
    <row r="120" spans="1:35" ht="20.100000000000001" customHeight="1">
      <c r="A120" s="225" t="s">
        <v>69</v>
      </c>
      <c r="B120" s="226"/>
      <c r="C120" s="226"/>
      <c r="D120" s="226"/>
      <c r="E120" s="227"/>
      <c r="F120" s="140">
        <v>21</v>
      </c>
      <c r="G120" s="141"/>
      <c r="H120" s="142"/>
      <c r="I120" s="140">
        <v>31.8</v>
      </c>
      <c r="J120" s="141"/>
      <c r="K120" s="142"/>
      <c r="L120" s="140">
        <v>10.7</v>
      </c>
      <c r="M120" s="141"/>
      <c r="N120" s="142"/>
      <c r="O120" s="140">
        <v>99</v>
      </c>
      <c r="P120" s="141"/>
      <c r="Q120" s="141"/>
      <c r="R120" s="142"/>
      <c r="S120" s="140">
        <v>26</v>
      </c>
      <c r="T120" s="141"/>
      <c r="U120" s="142"/>
      <c r="V120" s="254">
        <v>10</v>
      </c>
      <c r="W120" s="255"/>
      <c r="X120" s="256"/>
      <c r="Y120" s="140">
        <v>1.5</v>
      </c>
      <c r="Z120" s="141"/>
      <c r="AA120" s="142"/>
      <c r="AB120" s="182" t="s">
        <v>144</v>
      </c>
      <c r="AC120" s="183"/>
      <c r="AD120" s="184"/>
      <c r="AE120" s="140">
        <v>14.7</v>
      </c>
      <c r="AF120" s="141"/>
      <c r="AG120" s="198"/>
    </row>
    <row r="121" spans="1:35" ht="20.100000000000001" customHeight="1">
      <c r="A121" s="225" t="s">
        <v>70</v>
      </c>
      <c r="B121" s="226"/>
      <c r="C121" s="226"/>
      <c r="D121" s="226"/>
      <c r="E121" s="227"/>
      <c r="F121" s="140">
        <v>13.7</v>
      </c>
      <c r="G121" s="141"/>
      <c r="H121" s="142"/>
      <c r="I121" s="140">
        <v>25.3</v>
      </c>
      <c r="J121" s="141"/>
      <c r="K121" s="142"/>
      <c r="L121" s="262">
        <v>4.9000000000000004</v>
      </c>
      <c r="M121" s="263"/>
      <c r="N121" s="264"/>
      <c r="O121" s="140">
        <v>112.5</v>
      </c>
      <c r="P121" s="141"/>
      <c r="Q121" s="141"/>
      <c r="R121" s="142"/>
      <c r="S121" s="140">
        <v>48.5</v>
      </c>
      <c r="T121" s="141"/>
      <c r="U121" s="142"/>
      <c r="V121" s="254">
        <v>5</v>
      </c>
      <c r="W121" s="255"/>
      <c r="X121" s="256"/>
      <c r="Y121" s="140">
        <v>1.6</v>
      </c>
      <c r="Z121" s="141"/>
      <c r="AA121" s="142"/>
      <c r="AB121" s="182" t="s">
        <v>144</v>
      </c>
      <c r="AC121" s="183"/>
      <c r="AD121" s="184"/>
      <c r="AE121" s="140">
        <v>17.899999999999999</v>
      </c>
      <c r="AF121" s="141"/>
      <c r="AG121" s="198"/>
    </row>
    <row r="122" spans="1:35" ht="20.100000000000001" customHeight="1">
      <c r="A122" s="242" t="s">
        <v>71</v>
      </c>
      <c r="B122" s="243"/>
      <c r="C122" s="243"/>
      <c r="D122" s="243"/>
      <c r="E122" s="244"/>
      <c r="F122" s="274">
        <v>6.8</v>
      </c>
      <c r="G122" s="275"/>
      <c r="H122" s="276"/>
      <c r="I122" s="274">
        <v>19.100000000000001</v>
      </c>
      <c r="J122" s="275"/>
      <c r="K122" s="276"/>
      <c r="L122" s="277">
        <v>-1.4</v>
      </c>
      <c r="M122" s="278"/>
      <c r="N122" s="279"/>
      <c r="O122" s="274">
        <v>2</v>
      </c>
      <c r="P122" s="275"/>
      <c r="Q122" s="275"/>
      <c r="R122" s="276"/>
      <c r="S122" s="274">
        <v>1</v>
      </c>
      <c r="T122" s="275"/>
      <c r="U122" s="276"/>
      <c r="V122" s="281">
        <v>2</v>
      </c>
      <c r="W122" s="282"/>
      <c r="X122" s="283"/>
      <c r="Y122" s="274">
        <v>1.7</v>
      </c>
      <c r="Z122" s="275"/>
      <c r="AA122" s="276"/>
      <c r="AB122" s="251" t="s">
        <v>145</v>
      </c>
      <c r="AC122" s="252"/>
      <c r="AD122" s="253"/>
      <c r="AE122" s="274">
        <v>14.5</v>
      </c>
      <c r="AF122" s="275"/>
      <c r="AG122" s="280"/>
    </row>
    <row r="123" spans="1:35" ht="13.5" customHeight="1">
      <c r="A123" s="29"/>
      <c r="B123" s="28"/>
      <c r="C123" s="28"/>
      <c r="D123" s="28"/>
      <c r="E123" s="28"/>
      <c r="F123" s="28"/>
      <c r="G123" s="28"/>
      <c r="H123" s="28"/>
      <c r="I123" s="28"/>
      <c r="J123" s="28"/>
      <c r="K123" s="28"/>
      <c r="L123" s="28"/>
      <c r="M123" s="28"/>
      <c r="N123" s="28"/>
      <c r="O123" s="28"/>
      <c r="P123" s="28"/>
      <c r="Q123" s="28"/>
      <c r="R123" s="28"/>
      <c r="S123" s="28"/>
      <c r="Y123" s="27"/>
      <c r="Z123" s="27"/>
      <c r="AA123" s="27"/>
      <c r="AB123" s="27"/>
      <c r="AC123" s="27"/>
      <c r="AG123" s="12" t="s">
        <v>134</v>
      </c>
    </row>
    <row r="124" spans="1:35" ht="15.95" customHeight="1">
      <c r="A124" s="24"/>
      <c r="B124" s="18"/>
      <c r="C124" s="18"/>
      <c r="D124" s="18"/>
      <c r="E124" s="19"/>
      <c r="F124" s="19"/>
      <c r="G124" s="19"/>
      <c r="H124" s="19"/>
      <c r="I124" s="19"/>
      <c r="J124" s="19"/>
      <c r="K124" s="20"/>
      <c r="L124" s="20"/>
      <c r="M124" s="20"/>
      <c r="N124" s="19"/>
      <c r="O124" s="19"/>
      <c r="P124" s="19"/>
      <c r="Q124" s="19"/>
      <c r="R124" s="19"/>
      <c r="S124" s="19"/>
      <c r="T124" s="19"/>
      <c r="U124" s="21"/>
      <c r="V124" s="21"/>
      <c r="W124" s="19"/>
      <c r="X124" s="19"/>
      <c r="Y124" s="19"/>
      <c r="Z124" s="22"/>
      <c r="AA124" s="12"/>
      <c r="AB124" s="12"/>
      <c r="AC124" s="12"/>
      <c r="AD124" s="12"/>
      <c r="AE124" s="12"/>
      <c r="AF124" s="12"/>
      <c r="AG124" s="12"/>
    </row>
    <row r="125" spans="1:35" ht="18.75" customHeight="1">
      <c r="A125" s="4" t="s">
        <v>139</v>
      </c>
    </row>
    <row r="126" spans="1:35" ht="15.95" customHeight="1">
      <c r="A126" s="125" t="s">
        <v>95</v>
      </c>
      <c r="B126" s="126"/>
      <c r="C126" s="126"/>
      <c r="D126" s="126"/>
      <c r="E126" s="126"/>
      <c r="F126" s="126"/>
      <c r="G126" s="54">
        <v>4</v>
      </c>
      <c r="H126" s="55"/>
      <c r="I126" s="55"/>
      <c r="J126" s="55"/>
      <c r="K126" s="55"/>
      <c r="L126" s="55"/>
      <c r="M126" s="55"/>
      <c r="N126" s="55"/>
      <c r="O126" s="56"/>
      <c r="P126" s="54">
        <v>5</v>
      </c>
      <c r="Q126" s="55"/>
      <c r="R126" s="55"/>
      <c r="S126" s="55"/>
      <c r="T126" s="55"/>
      <c r="U126" s="55"/>
      <c r="V126" s="55"/>
      <c r="W126" s="55"/>
      <c r="X126" s="56"/>
      <c r="Y126" s="123">
        <v>6</v>
      </c>
      <c r="Z126" s="123"/>
      <c r="AA126" s="123"/>
      <c r="AB126" s="123"/>
      <c r="AC126" s="123"/>
      <c r="AD126" s="123"/>
      <c r="AE126" s="123"/>
      <c r="AF126" s="123"/>
      <c r="AG126" s="124"/>
    </row>
    <row r="127" spans="1:35" ht="15.95" customHeight="1">
      <c r="A127" s="257" t="s">
        <v>96</v>
      </c>
      <c r="B127" s="258"/>
      <c r="C127" s="258"/>
      <c r="D127" s="258"/>
      <c r="E127" s="258"/>
      <c r="F127" s="258"/>
      <c r="G127" s="110" t="s">
        <v>72</v>
      </c>
      <c r="H127" s="41"/>
      <c r="I127" s="42"/>
      <c r="J127" s="110" t="s">
        <v>73</v>
      </c>
      <c r="K127" s="41"/>
      <c r="L127" s="42"/>
      <c r="M127" s="248" t="s">
        <v>74</v>
      </c>
      <c r="N127" s="249"/>
      <c r="O127" s="250"/>
      <c r="P127" s="41" t="s">
        <v>72</v>
      </c>
      <c r="Q127" s="41"/>
      <c r="R127" s="42"/>
      <c r="S127" s="110" t="s">
        <v>73</v>
      </c>
      <c r="T127" s="41"/>
      <c r="U127" s="42"/>
      <c r="V127" s="248" t="s">
        <v>74</v>
      </c>
      <c r="W127" s="249"/>
      <c r="X127" s="250"/>
      <c r="Y127" s="38" t="s">
        <v>72</v>
      </c>
      <c r="Z127" s="38"/>
      <c r="AA127" s="39"/>
      <c r="AB127" s="37" t="s">
        <v>73</v>
      </c>
      <c r="AC127" s="38"/>
      <c r="AD127" s="39"/>
      <c r="AE127" s="135" t="s">
        <v>74</v>
      </c>
      <c r="AF127" s="136"/>
      <c r="AG127" s="137"/>
    </row>
    <row r="128" spans="1:35" ht="20.100000000000001" customHeight="1">
      <c r="A128" s="134" t="s">
        <v>97</v>
      </c>
      <c r="B128" s="59"/>
      <c r="C128" s="59"/>
      <c r="D128" s="59"/>
      <c r="E128" s="59"/>
      <c r="F128" s="60"/>
      <c r="G128" s="40">
        <v>4</v>
      </c>
      <c r="H128" s="40"/>
      <c r="I128" s="40"/>
      <c r="J128" s="40">
        <v>167</v>
      </c>
      <c r="K128" s="40"/>
      <c r="L128" s="40"/>
      <c r="M128" s="40">
        <v>174</v>
      </c>
      <c r="N128" s="40"/>
      <c r="O128" s="40"/>
      <c r="P128" s="40">
        <v>7</v>
      </c>
      <c r="Q128" s="40"/>
      <c r="R128" s="40"/>
      <c r="S128" s="40">
        <v>160</v>
      </c>
      <c r="T128" s="40"/>
      <c r="U128" s="40"/>
      <c r="V128" s="40">
        <v>335</v>
      </c>
      <c r="W128" s="40"/>
      <c r="X128" s="40"/>
      <c r="Y128" s="138" t="s">
        <v>149</v>
      </c>
      <c r="Z128" s="138"/>
      <c r="AA128" s="138"/>
      <c r="AB128" s="138">
        <v>143</v>
      </c>
      <c r="AC128" s="138"/>
      <c r="AD128" s="138"/>
      <c r="AE128" s="138">
        <v>292</v>
      </c>
      <c r="AF128" s="138"/>
      <c r="AG128" s="139"/>
    </row>
    <row r="129" spans="1:33" ht="20.100000000000001" customHeight="1">
      <c r="A129" s="115" t="s">
        <v>98</v>
      </c>
      <c r="B129" s="116"/>
      <c r="C129" s="116"/>
      <c r="D129" s="116"/>
      <c r="E129" s="116"/>
      <c r="F129" s="117"/>
      <c r="G129" s="118">
        <v>3</v>
      </c>
      <c r="H129" s="118"/>
      <c r="I129" s="118"/>
      <c r="J129" s="118">
        <v>10</v>
      </c>
      <c r="K129" s="118"/>
      <c r="L129" s="118"/>
      <c r="M129" s="118">
        <v>24</v>
      </c>
      <c r="N129" s="118"/>
      <c r="O129" s="118"/>
      <c r="P129" s="34">
        <v>4</v>
      </c>
      <c r="Q129" s="34"/>
      <c r="R129" s="34"/>
      <c r="S129" s="34">
        <v>9</v>
      </c>
      <c r="T129" s="34"/>
      <c r="U129" s="34"/>
      <c r="V129" s="34">
        <v>10</v>
      </c>
      <c r="W129" s="34"/>
      <c r="X129" s="34"/>
      <c r="Y129" s="113" t="s">
        <v>141</v>
      </c>
      <c r="Z129" s="113"/>
      <c r="AA129" s="113"/>
      <c r="AB129" s="113">
        <v>10</v>
      </c>
      <c r="AC129" s="113"/>
      <c r="AD129" s="113"/>
      <c r="AE129" s="113">
        <v>21</v>
      </c>
      <c r="AF129" s="113"/>
      <c r="AG129" s="114"/>
    </row>
    <row r="130" spans="1:33" ht="20.100000000000001" customHeight="1">
      <c r="A130" s="115" t="s">
        <v>99</v>
      </c>
      <c r="B130" s="116"/>
      <c r="C130" s="116"/>
      <c r="D130" s="116"/>
      <c r="E130" s="116"/>
      <c r="F130" s="117"/>
      <c r="G130" s="118" t="s">
        <v>141</v>
      </c>
      <c r="H130" s="118"/>
      <c r="I130" s="118"/>
      <c r="J130" s="118">
        <v>7</v>
      </c>
      <c r="K130" s="118"/>
      <c r="L130" s="118"/>
      <c r="M130" s="224" t="s">
        <v>141</v>
      </c>
      <c r="N130" s="224"/>
      <c r="O130" s="224"/>
      <c r="P130" s="34">
        <v>1</v>
      </c>
      <c r="Q130" s="34"/>
      <c r="R130" s="34"/>
      <c r="S130" s="34">
        <v>4</v>
      </c>
      <c r="T130" s="34"/>
      <c r="U130" s="34"/>
      <c r="V130" s="34" t="s">
        <v>141</v>
      </c>
      <c r="W130" s="34"/>
      <c r="X130" s="34"/>
      <c r="Y130" s="113" t="s">
        <v>141</v>
      </c>
      <c r="Z130" s="113"/>
      <c r="AA130" s="113"/>
      <c r="AB130" s="113">
        <v>1</v>
      </c>
      <c r="AC130" s="113"/>
      <c r="AD130" s="113"/>
      <c r="AE130" s="113" t="s">
        <v>141</v>
      </c>
      <c r="AF130" s="113"/>
      <c r="AG130" s="114"/>
    </row>
    <row r="131" spans="1:33" ht="20.100000000000001" customHeight="1">
      <c r="A131" s="115" t="s">
        <v>100</v>
      </c>
      <c r="B131" s="116"/>
      <c r="C131" s="116"/>
      <c r="D131" s="116"/>
      <c r="E131" s="116"/>
      <c r="F131" s="117"/>
      <c r="G131" s="118" t="s">
        <v>141</v>
      </c>
      <c r="H131" s="118"/>
      <c r="I131" s="118"/>
      <c r="J131" s="118">
        <v>3</v>
      </c>
      <c r="K131" s="118"/>
      <c r="L131" s="118"/>
      <c r="M131" s="118">
        <v>6</v>
      </c>
      <c r="N131" s="118"/>
      <c r="O131" s="118"/>
      <c r="P131" s="34">
        <v>1</v>
      </c>
      <c r="Q131" s="34"/>
      <c r="R131" s="34"/>
      <c r="S131" s="34">
        <v>2</v>
      </c>
      <c r="T131" s="34"/>
      <c r="U131" s="34"/>
      <c r="V131" s="34">
        <v>6</v>
      </c>
      <c r="W131" s="34"/>
      <c r="X131" s="34"/>
      <c r="Y131" s="113" t="s">
        <v>141</v>
      </c>
      <c r="Z131" s="113"/>
      <c r="AA131" s="113"/>
      <c r="AB131" s="113" t="s">
        <v>141</v>
      </c>
      <c r="AC131" s="113"/>
      <c r="AD131" s="113"/>
      <c r="AE131" s="113">
        <v>8</v>
      </c>
      <c r="AF131" s="113"/>
      <c r="AG131" s="114"/>
    </row>
    <row r="132" spans="1:33" ht="20.100000000000001" customHeight="1">
      <c r="A132" s="115" t="s">
        <v>101</v>
      </c>
      <c r="B132" s="116"/>
      <c r="C132" s="116"/>
      <c r="D132" s="116"/>
      <c r="E132" s="116"/>
      <c r="F132" s="117"/>
      <c r="G132" s="118" t="s">
        <v>141</v>
      </c>
      <c r="H132" s="118"/>
      <c r="I132" s="118"/>
      <c r="J132" s="118" t="s">
        <v>141</v>
      </c>
      <c r="K132" s="118"/>
      <c r="L132" s="118"/>
      <c r="M132" s="118" t="s">
        <v>141</v>
      </c>
      <c r="N132" s="118"/>
      <c r="O132" s="118"/>
      <c r="P132" s="34" t="s">
        <v>141</v>
      </c>
      <c r="Q132" s="34"/>
      <c r="R132" s="34"/>
      <c r="S132" s="34" t="s">
        <v>141</v>
      </c>
      <c r="T132" s="34"/>
      <c r="U132" s="34"/>
      <c r="V132" s="34" t="s">
        <v>141</v>
      </c>
      <c r="W132" s="34"/>
      <c r="X132" s="34"/>
      <c r="Y132" s="113" t="s">
        <v>141</v>
      </c>
      <c r="Z132" s="113"/>
      <c r="AA132" s="113"/>
      <c r="AB132" s="113">
        <v>1</v>
      </c>
      <c r="AC132" s="113"/>
      <c r="AD132" s="113"/>
      <c r="AE132" s="113" t="s">
        <v>141</v>
      </c>
      <c r="AF132" s="113"/>
      <c r="AG132" s="114"/>
    </row>
    <row r="133" spans="1:33" ht="20.100000000000001" customHeight="1">
      <c r="A133" s="115" t="s">
        <v>102</v>
      </c>
      <c r="B133" s="116"/>
      <c r="C133" s="116"/>
      <c r="D133" s="116"/>
      <c r="E133" s="116"/>
      <c r="F133" s="117"/>
      <c r="G133" s="118" t="s">
        <v>141</v>
      </c>
      <c r="H133" s="118"/>
      <c r="I133" s="118"/>
      <c r="J133" s="118">
        <v>5</v>
      </c>
      <c r="K133" s="118"/>
      <c r="L133" s="118"/>
      <c r="M133" s="118" t="s">
        <v>141</v>
      </c>
      <c r="N133" s="118"/>
      <c r="O133" s="118"/>
      <c r="P133" s="34" t="s">
        <v>141</v>
      </c>
      <c r="Q133" s="34"/>
      <c r="R133" s="34"/>
      <c r="S133" s="34">
        <v>3</v>
      </c>
      <c r="T133" s="34"/>
      <c r="U133" s="34"/>
      <c r="V133" s="34" t="s">
        <v>141</v>
      </c>
      <c r="W133" s="34"/>
      <c r="X133" s="34"/>
      <c r="Y133" s="113" t="s">
        <v>141</v>
      </c>
      <c r="Z133" s="113"/>
      <c r="AA133" s="113"/>
      <c r="AB133" s="113">
        <v>3</v>
      </c>
      <c r="AC133" s="113"/>
      <c r="AD133" s="113"/>
      <c r="AE133" s="113" t="s">
        <v>141</v>
      </c>
      <c r="AF133" s="113"/>
      <c r="AG133" s="114"/>
    </row>
    <row r="134" spans="1:33" ht="20.100000000000001" customHeight="1">
      <c r="A134" s="115" t="s">
        <v>103</v>
      </c>
      <c r="B134" s="116"/>
      <c r="C134" s="116"/>
      <c r="D134" s="116"/>
      <c r="E134" s="116"/>
      <c r="F134" s="117"/>
      <c r="G134" s="118" t="s">
        <v>141</v>
      </c>
      <c r="H134" s="118"/>
      <c r="I134" s="118"/>
      <c r="J134" s="118">
        <v>22</v>
      </c>
      <c r="K134" s="118"/>
      <c r="L134" s="118"/>
      <c r="M134" s="118" t="s">
        <v>141</v>
      </c>
      <c r="N134" s="118"/>
      <c r="O134" s="118"/>
      <c r="P134" s="34" t="s">
        <v>141</v>
      </c>
      <c r="Q134" s="34"/>
      <c r="R134" s="34"/>
      <c r="S134" s="34">
        <v>25</v>
      </c>
      <c r="T134" s="34"/>
      <c r="U134" s="34"/>
      <c r="V134" s="34" t="s">
        <v>141</v>
      </c>
      <c r="W134" s="34"/>
      <c r="X134" s="34"/>
      <c r="Y134" s="113" t="s">
        <v>141</v>
      </c>
      <c r="Z134" s="113"/>
      <c r="AA134" s="113"/>
      <c r="AB134" s="113">
        <v>17</v>
      </c>
      <c r="AC134" s="113"/>
      <c r="AD134" s="113"/>
      <c r="AE134" s="113" t="s">
        <v>141</v>
      </c>
      <c r="AF134" s="113"/>
      <c r="AG134" s="114"/>
    </row>
    <row r="135" spans="1:33" ht="20.100000000000001" customHeight="1">
      <c r="A135" s="115" t="s">
        <v>104</v>
      </c>
      <c r="B135" s="116"/>
      <c r="C135" s="116"/>
      <c r="D135" s="116"/>
      <c r="E135" s="116"/>
      <c r="F135" s="117"/>
      <c r="G135" s="118" t="s">
        <v>141</v>
      </c>
      <c r="H135" s="118"/>
      <c r="I135" s="118"/>
      <c r="J135" s="118">
        <v>33</v>
      </c>
      <c r="K135" s="118"/>
      <c r="L135" s="118"/>
      <c r="M135" s="118" t="s">
        <v>141</v>
      </c>
      <c r="N135" s="118"/>
      <c r="O135" s="118"/>
      <c r="P135" s="34" t="s">
        <v>141</v>
      </c>
      <c r="Q135" s="34"/>
      <c r="R135" s="34"/>
      <c r="S135" s="34">
        <v>37</v>
      </c>
      <c r="T135" s="34"/>
      <c r="U135" s="34"/>
      <c r="V135" s="34" t="s">
        <v>141</v>
      </c>
      <c r="W135" s="34"/>
      <c r="X135" s="34"/>
      <c r="Y135" s="113" t="s">
        <v>141</v>
      </c>
      <c r="Z135" s="113"/>
      <c r="AA135" s="113"/>
      <c r="AB135" s="113">
        <v>33</v>
      </c>
      <c r="AC135" s="113"/>
      <c r="AD135" s="113"/>
      <c r="AE135" s="113" t="s">
        <v>141</v>
      </c>
      <c r="AF135" s="113"/>
      <c r="AG135" s="114"/>
    </row>
    <row r="136" spans="1:33" ht="20.100000000000001" customHeight="1">
      <c r="A136" s="115" t="s">
        <v>105</v>
      </c>
      <c r="B136" s="116"/>
      <c r="C136" s="116"/>
      <c r="D136" s="116"/>
      <c r="E136" s="116"/>
      <c r="F136" s="117"/>
      <c r="G136" s="118" t="s">
        <v>141</v>
      </c>
      <c r="H136" s="118"/>
      <c r="I136" s="118"/>
      <c r="J136" s="118">
        <v>1</v>
      </c>
      <c r="K136" s="118"/>
      <c r="L136" s="118"/>
      <c r="M136" s="118" t="s">
        <v>141</v>
      </c>
      <c r="N136" s="118"/>
      <c r="O136" s="118"/>
      <c r="P136" s="34" t="s">
        <v>141</v>
      </c>
      <c r="Q136" s="34"/>
      <c r="R136" s="34"/>
      <c r="S136" s="34">
        <v>1</v>
      </c>
      <c r="T136" s="34"/>
      <c r="U136" s="34"/>
      <c r="V136" s="34" t="s">
        <v>141</v>
      </c>
      <c r="W136" s="34"/>
      <c r="X136" s="34"/>
      <c r="Y136" s="113" t="s">
        <v>141</v>
      </c>
      <c r="Z136" s="113"/>
      <c r="AA136" s="113"/>
      <c r="AB136" s="113">
        <v>6</v>
      </c>
      <c r="AC136" s="113"/>
      <c r="AD136" s="113"/>
      <c r="AE136" s="113" t="s">
        <v>141</v>
      </c>
      <c r="AF136" s="113"/>
      <c r="AG136" s="114"/>
    </row>
    <row r="137" spans="1:33" ht="20.100000000000001" customHeight="1">
      <c r="A137" s="115" t="s">
        <v>106</v>
      </c>
      <c r="B137" s="116"/>
      <c r="C137" s="116"/>
      <c r="D137" s="116"/>
      <c r="E137" s="116"/>
      <c r="F137" s="117"/>
      <c r="G137" s="118" t="s">
        <v>141</v>
      </c>
      <c r="H137" s="118"/>
      <c r="I137" s="118"/>
      <c r="J137" s="118">
        <v>86</v>
      </c>
      <c r="K137" s="118"/>
      <c r="L137" s="118"/>
      <c r="M137" s="118" t="s">
        <v>141</v>
      </c>
      <c r="N137" s="118"/>
      <c r="O137" s="118"/>
      <c r="P137" s="34" t="s">
        <v>141</v>
      </c>
      <c r="Q137" s="34"/>
      <c r="R137" s="34"/>
      <c r="S137" s="34">
        <v>78</v>
      </c>
      <c r="T137" s="34"/>
      <c r="U137" s="34"/>
      <c r="V137" s="34" t="s">
        <v>141</v>
      </c>
      <c r="W137" s="34"/>
      <c r="X137" s="34"/>
      <c r="Y137" s="113" t="s">
        <v>141</v>
      </c>
      <c r="Z137" s="113"/>
      <c r="AA137" s="113"/>
      <c r="AB137" s="113">
        <v>72</v>
      </c>
      <c r="AC137" s="113"/>
      <c r="AD137" s="113"/>
      <c r="AE137" s="113" t="s">
        <v>141</v>
      </c>
      <c r="AF137" s="113"/>
      <c r="AG137" s="114"/>
    </row>
    <row r="138" spans="1:33" ht="20.100000000000001" customHeight="1">
      <c r="A138" s="115" t="s">
        <v>107</v>
      </c>
      <c r="B138" s="116"/>
      <c r="C138" s="116"/>
      <c r="D138" s="116"/>
      <c r="E138" s="116"/>
      <c r="F138" s="117"/>
      <c r="G138" s="118">
        <v>1</v>
      </c>
      <c r="H138" s="118"/>
      <c r="I138" s="118"/>
      <c r="J138" s="118" t="s">
        <v>141</v>
      </c>
      <c r="K138" s="118"/>
      <c r="L138" s="118"/>
      <c r="M138" s="118" t="s">
        <v>141</v>
      </c>
      <c r="N138" s="118"/>
      <c r="O138" s="118"/>
      <c r="P138" s="34">
        <v>1</v>
      </c>
      <c r="Q138" s="34"/>
      <c r="R138" s="34"/>
      <c r="S138" s="34" t="s">
        <v>141</v>
      </c>
      <c r="T138" s="34"/>
      <c r="U138" s="34"/>
      <c r="V138" s="34" t="s">
        <v>141</v>
      </c>
      <c r="W138" s="34"/>
      <c r="X138" s="34"/>
      <c r="Y138" s="113" t="s">
        <v>141</v>
      </c>
      <c r="Z138" s="113"/>
      <c r="AA138" s="113"/>
      <c r="AB138" s="113" t="s">
        <v>141</v>
      </c>
      <c r="AC138" s="113"/>
      <c r="AD138" s="113"/>
      <c r="AE138" s="113" t="s">
        <v>141</v>
      </c>
      <c r="AF138" s="113"/>
      <c r="AG138" s="114"/>
    </row>
    <row r="139" spans="1:33" ht="20.100000000000001" customHeight="1">
      <c r="A139" s="115" t="s">
        <v>108</v>
      </c>
      <c r="B139" s="116"/>
      <c r="C139" s="116"/>
      <c r="D139" s="116"/>
      <c r="E139" s="116"/>
      <c r="F139" s="117"/>
      <c r="G139" s="118" t="s">
        <v>141</v>
      </c>
      <c r="H139" s="118"/>
      <c r="I139" s="118"/>
      <c r="J139" s="118" t="s">
        <v>141</v>
      </c>
      <c r="K139" s="118"/>
      <c r="L139" s="118"/>
      <c r="M139" s="118">
        <v>3</v>
      </c>
      <c r="N139" s="118"/>
      <c r="O139" s="118"/>
      <c r="P139" s="34" t="s">
        <v>141</v>
      </c>
      <c r="Q139" s="34"/>
      <c r="R139" s="34"/>
      <c r="S139" s="34" t="s">
        <v>141</v>
      </c>
      <c r="T139" s="34"/>
      <c r="U139" s="34"/>
      <c r="V139" s="34">
        <v>3</v>
      </c>
      <c r="W139" s="34"/>
      <c r="X139" s="34"/>
      <c r="Y139" s="113" t="s">
        <v>141</v>
      </c>
      <c r="Z139" s="113"/>
      <c r="AA139" s="113"/>
      <c r="AB139" s="113" t="s">
        <v>141</v>
      </c>
      <c r="AC139" s="113"/>
      <c r="AD139" s="113"/>
      <c r="AE139" s="113">
        <v>3</v>
      </c>
      <c r="AF139" s="113"/>
      <c r="AG139" s="114"/>
    </row>
    <row r="140" spans="1:33" ht="20.100000000000001" customHeight="1">
      <c r="A140" s="115" t="s">
        <v>109</v>
      </c>
      <c r="B140" s="116"/>
      <c r="C140" s="116"/>
      <c r="D140" s="116"/>
      <c r="E140" s="116"/>
      <c r="F140" s="117"/>
      <c r="G140" s="118" t="s">
        <v>141</v>
      </c>
      <c r="H140" s="118"/>
      <c r="I140" s="118"/>
      <c r="J140" s="118" t="s">
        <v>141</v>
      </c>
      <c r="K140" s="118"/>
      <c r="L140" s="118"/>
      <c r="M140" s="118" t="s">
        <v>141</v>
      </c>
      <c r="N140" s="118"/>
      <c r="O140" s="118"/>
      <c r="P140" s="34" t="s">
        <v>141</v>
      </c>
      <c r="Q140" s="34"/>
      <c r="R140" s="34"/>
      <c r="S140" s="34" t="s">
        <v>141</v>
      </c>
      <c r="T140" s="34"/>
      <c r="U140" s="34"/>
      <c r="V140" s="34" t="s">
        <v>141</v>
      </c>
      <c r="W140" s="34"/>
      <c r="X140" s="34"/>
      <c r="Y140" s="113" t="s">
        <v>141</v>
      </c>
      <c r="Z140" s="113"/>
      <c r="AA140" s="113"/>
      <c r="AB140" s="113" t="s">
        <v>141</v>
      </c>
      <c r="AC140" s="113"/>
      <c r="AD140" s="113"/>
      <c r="AE140" s="113" t="s">
        <v>141</v>
      </c>
      <c r="AF140" s="113"/>
      <c r="AG140" s="114"/>
    </row>
    <row r="141" spans="1:33" ht="20.100000000000001" customHeight="1">
      <c r="A141" s="115" t="s">
        <v>82</v>
      </c>
      <c r="B141" s="116"/>
      <c r="C141" s="116"/>
      <c r="D141" s="116"/>
      <c r="E141" s="116"/>
      <c r="F141" s="117"/>
      <c r="G141" s="118" t="s">
        <v>141</v>
      </c>
      <c r="H141" s="118"/>
      <c r="I141" s="118"/>
      <c r="J141" s="118" t="s">
        <v>141</v>
      </c>
      <c r="K141" s="118"/>
      <c r="L141" s="118"/>
      <c r="M141" s="118">
        <v>309</v>
      </c>
      <c r="N141" s="118"/>
      <c r="O141" s="118"/>
      <c r="P141" s="34" t="s">
        <v>141</v>
      </c>
      <c r="Q141" s="34"/>
      <c r="R141" s="34"/>
      <c r="S141" s="34">
        <v>1</v>
      </c>
      <c r="T141" s="34"/>
      <c r="U141" s="34"/>
      <c r="V141" s="34">
        <v>299</v>
      </c>
      <c r="W141" s="34"/>
      <c r="X141" s="34"/>
      <c r="Y141" s="113" t="s">
        <v>141</v>
      </c>
      <c r="Z141" s="113"/>
      <c r="AA141" s="113"/>
      <c r="AB141" s="113" t="s">
        <v>141</v>
      </c>
      <c r="AC141" s="113"/>
      <c r="AD141" s="113"/>
      <c r="AE141" s="113">
        <v>251</v>
      </c>
      <c r="AF141" s="113"/>
      <c r="AG141" s="114"/>
    </row>
    <row r="142" spans="1:33" ht="19.5" customHeight="1">
      <c r="A142" s="119" t="s">
        <v>110</v>
      </c>
      <c r="B142" s="120"/>
      <c r="C142" s="120"/>
      <c r="D142" s="120"/>
      <c r="E142" s="120"/>
      <c r="F142" s="121"/>
      <c r="G142" s="235" t="s">
        <v>141</v>
      </c>
      <c r="H142" s="235"/>
      <c r="I142" s="235"/>
      <c r="J142" s="235" t="s">
        <v>141</v>
      </c>
      <c r="K142" s="235"/>
      <c r="L142" s="235"/>
      <c r="M142" s="235">
        <v>9</v>
      </c>
      <c r="N142" s="235"/>
      <c r="O142" s="235"/>
      <c r="P142" s="122" t="s">
        <v>141</v>
      </c>
      <c r="Q142" s="122"/>
      <c r="R142" s="122"/>
      <c r="S142" s="122" t="s">
        <v>141</v>
      </c>
      <c r="T142" s="122"/>
      <c r="U142" s="122"/>
      <c r="V142" s="122">
        <v>17</v>
      </c>
      <c r="W142" s="122"/>
      <c r="X142" s="122"/>
      <c r="Y142" s="111" t="s">
        <v>141</v>
      </c>
      <c r="Z142" s="111"/>
      <c r="AA142" s="111"/>
      <c r="AB142" s="111" t="s">
        <v>141</v>
      </c>
      <c r="AC142" s="111"/>
      <c r="AD142" s="111"/>
      <c r="AE142" s="111">
        <v>9</v>
      </c>
      <c r="AF142" s="111"/>
      <c r="AG142" s="112"/>
    </row>
    <row r="143" spans="1:33" ht="13.5" customHeight="1">
      <c r="AB143" s="12"/>
      <c r="AC143" s="12"/>
      <c r="AE143" s="12"/>
      <c r="AF143" s="12"/>
      <c r="AG143" s="13" t="s">
        <v>111</v>
      </c>
    </row>
  </sheetData>
  <protectedRanges>
    <protectedRange sqref="G86:AG87" name="範囲1_2"/>
    <protectedRange sqref="G95:AG99" name="範囲1_5"/>
    <protectedRange sqref="F108:AG122" name="範囲1_1_2"/>
    <protectedRange sqref="P129:AG142" name="範囲1_1_4"/>
  </protectedRanges>
  <customSheetViews>
    <customSheetView guid="{FB6DA136-09B9-4A8A-B1B4-E1EF2B675A6E}" showPageBreaks="1" printArea="1" view="pageBreakPreview" showRuler="0" topLeftCell="A76">
      <selection activeCell="AI87" sqref="AI87"/>
      <rowBreaks count="3" manualBreakCount="3">
        <brk id="52" max="32" man="1"/>
        <brk id="91" max="32" man="1"/>
        <brk id="103" max="32" man="1"/>
      </rowBreaks>
      <pageMargins left="0.78740157480314965" right="0.78740157480314965" top="0.78740157480314965" bottom="0.78740157480314965" header="0.51181102362204722" footer="0.39370078740157483"/>
      <printOptions horizontalCentered="1"/>
      <pageSetup paperSize="9" orientation="portrait" useFirstPageNumber="1" r:id="rId1"/>
      <headerFooter alignWithMargins="0">
        <oddFooter>&amp;C&amp;10- &amp;P -</oddFooter>
      </headerFooter>
    </customSheetView>
  </customSheetViews>
  <mergeCells count="516">
    <mergeCell ref="Z23:AC23"/>
    <mergeCell ref="X25:AA48"/>
    <mergeCell ref="P37:W42"/>
    <mergeCell ref="P25:S30"/>
    <mergeCell ref="P43:W48"/>
    <mergeCell ref="R23:U23"/>
    <mergeCell ref="AB25:AG48"/>
    <mergeCell ref="V23:Y23"/>
    <mergeCell ref="P34:W36"/>
    <mergeCell ref="P33:W33"/>
    <mergeCell ref="T25:W30"/>
    <mergeCell ref="C46:O46"/>
    <mergeCell ref="C31:O31"/>
    <mergeCell ref="C36:O36"/>
    <mergeCell ref="C23:E23"/>
    <mergeCell ref="F23:I23"/>
    <mergeCell ref="J23:M23"/>
    <mergeCell ref="N23:Q23"/>
    <mergeCell ref="C34:O34"/>
    <mergeCell ref="C35:O35"/>
    <mergeCell ref="C33:O33"/>
    <mergeCell ref="C25:G25"/>
    <mergeCell ref="C27:G27"/>
    <mergeCell ref="C32:O32"/>
    <mergeCell ref="H25:O26"/>
    <mergeCell ref="H27:O28"/>
    <mergeCell ref="P31:W32"/>
    <mergeCell ref="C29:O29"/>
    <mergeCell ref="C28:G28"/>
    <mergeCell ref="C30:O30"/>
    <mergeCell ref="A121:E121"/>
    <mergeCell ref="F121:H121"/>
    <mergeCell ref="I121:K121"/>
    <mergeCell ref="L121:N121"/>
    <mergeCell ref="V118:X118"/>
    <mergeCell ref="Y118:AA118"/>
    <mergeCell ref="L119:N119"/>
    <mergeCell ref="O119:R119"/>
    <mergeCell ref="S119:U119"/>
    <mergeCell ref="Y121:AA121"/>
    <mergeCell ref="S120:U120"/>
    <mergeCell ref="V120:X120"/>
    <mergeCell ref="O120:R120"/>
    <mergeCell ref="Y120:AA120"/>
    <mergeCell ref="O121:R121"/>
    <mergeCell ref="F122:H122"/>
    <mergeCell ref="I122:K122"/>
    <mergeCell ref="L122:N122"/>
    <mergeCell ref="I120:K120"/>
    <mergeCell ref="L120:N120"/>
    <mergeCell ref="F120:H120"/>
    <mergeCell ref="AE118:AG118"/>
    <mergeCell ref="AE119:AG119"/>
    <mergeCell ref="S121:U121"/>
    <mergeCell ref="V121:X121"/>
    <mergeCell ref="AB121:AD121"/>
    <mergeCell ref="AE122:AG122"/>
    <mergeCell ref="O122:R122"/>
    <mergeCell ref="S122:U122"/>
    <mergeCell ref="V122:X122"/>
    <mergeCell ref="Y122:AA122"/>
    <mergeCell ref="AE120:AG120"/>
    <mergeCell ref="AE121:AG121"/>
    <mergeCell ref="I117:K117"/>
    <mergeCell ref="L117:N117"/>
    <mergeCell ref="O117:R117"/>
    <mergeCell ref="S117:U117"/>
    <mergeCell ref="AE117:AG117"/>
    <mergeCell ref="Y117:AA117"/>
    <mergeCell ref="I116:K116"/>
    <mergeCell ref="L116:N116"/>
    <mergeCell ref="O116:R116"/>
    <mergeCell ref="AB117:AD117"/>
    <mergeCell ref="AB116:AD116"/>
    <mergeCell ref="V117:X117"/>
    <mergeCell ref="S116:U116"/>
    <mergeCell ref="V116:X116"/>
    <mergeCell ref="Y116:AA116"/>
    <mergeCell ref="A116:E116"/>
    <mergeCell ref="F116:H116"/>
    <mergeCell ref="AB115:AD115"/>
    <mergeCell ref="AE112:AG112"/>
    <mergeCell ref="AE111:AG111"/>
    <mergeCell ref="AB112:AD112"/>
    <mergeCell ref="AB111:AD111"/>
    <mergeCell ref="I114:K114"/>
    <mergeCell ref="L114:N114"/>
    <mergeCell ref="I113:K113"/>
    <mergeCell ref="L113:N113"/>
    <mergeCell ref="S111:U111"/>
    <mergeCell ref="S112:U112"/>
    <mergeCell ref="A112:E112"/>
    <mergeCell ref="A111:E111"/>
    <mergeCell ref="L112:N112"/>
    <mergeCell ref="AE114:AG114"/>
    <mergeCell ref="AE115:AG115"/>
    <mergeCell ref="AE113:AG113"/>
    <mergeCell ref="O114:R114"/>
    <mergeCell ref="S114:U114"/>
    <mergeCell ref="AE116:AG116"/>
    <mergeCell ref="S110:U110"/>
    <mergeCell ref="V110:X110"/>
    <mergeCell ref="S115:U115"/>
    <mergeCell ref="V112:X112"/>
    <mergeCell ref="Y112:AA112"/>
    <mergeCell ref="Y111:AA111"/>
    <mergeCell ref="V115:X115"/>
    <mergeCell ref="Y115:AA115"/>
    <mergeCell ref="A113:E113"/>
    <mergeCell ref="V114:X114"/>
    <mergeCell ref="Y114:AA114"/>
    <mergeCell ref="V113:X113"/>
    <mergeCell ref="O113:R113"/>
    <mergeCell ref="S113:U113"/>
    <mergeCell ref="S109:U109"/>
    <mergeCell ref="V109:X109"/>
    <mergeCell ref="Y109:AA109"/>
    <mergeCell ref="A109:E109"/>
    <mergeCell ref="F109:H109"/>
    <mergeCell ref="I109:K109"/>
    <mergeCell ref="L109:N109"/>
    <mergeCell ref="O109:R109"/>
    <mergeCell ref="L108:N108"/>
    <mergeCell ref="Y108:AA108"/>
    <mergeCell ref="I106:K107"/>
    <mergeCell ref="L106:N107"/>
    <mergeCell ref="S107:U107"/>
    <mergeCell ref="S106:U106"/>
    <mergeCell ref="A107:E107"/>
    <mergeCell ref="AB118:AD118"/>
    <mergeCell ref="M127:O127"/>
    <mergeCell ref="V127:X127"/>
    <mergeCell ref="AB122:AD122"/>
    <mergeCell ref="AB119:AD119"/>
    <mergeCell ref="AB120:AD120"/>
    <mergeCell ref="V119:X119"/>
    <mergeCell ref="Y119:AA119"/>
    <mergeCell ref="O118:R118"/>
    <mergeCell ref="S118:U118"/>
    <mergeCell ref="G127:I127"/>
    <mergeCell ref="A127:F127"/>
    <mergeCell ref="A117:E117"/>
    <mergeCell ref="F117:H117"/>
    <mergeCell ref="A119:E119"/>
    <mergeCell ref="F119:H119"/>
    <mergeCell ref="A126:F126"/>
    <mergeCell ref="O108:R108"/>
    <mergeCell ref="S108:U108"/>
    <mergeCell ref="J127:L127"/>
    <mergeCell ref="O115:R115"/>
    <mergeCell ref="A114:E114"/>
    <mergeCell ref="I110:K110"/>
    <mergeCell ref="A115:E115"/>
    <mergeCell ref="F115:H115"/>
    <mergeCell ref="I115:K115"/>
    <mergeCell ref="L115:N115"/>
    <mergeCell ref="O110:R110"/>
    <mergeCell ref="O111:R111"/>
    <mergeCell ref="O112:R112"/>
    <mergeCell ref="F113:H113"/>
    <mergeCell ref="F111:H111"/>
    <mergeCell ref="F114:H114"/>
    <mergeCell ref="I111:K111"/>
    <mergeCell ref="L111:N111"/>
    <mergeCell ref="F112:H112"/>
    <mergeCell ref="I112:K112"/>
    <mergeCell ref="L110:N110"/>
    <mergeCell ref="I119:K119"/>
    <mergeCell ref="A110:E110"/>
    <mergeCell ref="F110:H110"/>
    <mergeCell ref="L118:N118"/>
    <mergeCell ref="A122:E122"/>
    <mergeCell ref="M131:O131"/>
    <mergeCell ref="M142:O142"/>
    <mergeCell ref="G138:I138"/>
    <mergeCell ref="J138:L138"/>
    <mergeCell ref="M138:O138"/>
    <mergeCell ref="G140:I140"/>
    <mergeCell ref="J140:L140"/>
    <mergeCell ref="G139:I139"/>
    <mergeCell ref="G142:I142"/>
    <mergeCell ref="M139:O139"/>
    <mergeCell ref="G137:I137"/>
    <mergeCell ref="M133:O133"/>
    <mergeCell ref="G136:I136"/>
    <mergeCell ref="J136:L136"/>
    <mergeCell ref="J142:L142"/>
    <mergeCell ref="M132:O132"/>
    <mergeCell ref="M129:O129"/>
    <mergeCell ref="G128:I128"/>
    <mergeCell ref="J128:L128"/>
    <mergeCell ref="M130:O130"/>
    <mergeCell ref="J130:L130"/>
    <mergeCell ref="M128:O128"/>
    <mergeCell ref="D96:F96"/>
    <mergeCell ref="G99:I99"/>
    <mergeCell ref="A130:F130"/>
    <mergeCell ref="A118:E118"/>
    <mergeCell ref="F118:H118"/>
    <mergeCell ref="I118:K118"/>
    <mergeCell ref="J97:L97"/>
    <mergeCell ref="J99:L99"/>
    <mergeCell ref="J98:L98"/>
    <mergeCell ref="G98:I98"/>
    <mergeCell ref="D98:F98"/>
    <mergeCell ref="A108:E108"/>
    <mergeCell ref="F108:H108"/>
    <mergeCell ref="I108:K108"/>
    <mergeCell ref="D97:F97"/>
    <mergeCell ref="A99:C99"/>
    <mergeCell ref="G126:O126"/>
    <mergeCell ref="A120:E120"/>
    <mergeCell ref="S83:U84"/>
    <mergeCell ref="P83:R84"/>
    <mergeCell ref="Y85:AA85"/>
    <mergeCell ref="S85:U85"/>
    <mergeCell ref="Y83:AA84"/>
    <mergeCell ref="V83:X84"/>
    <mergeCell ref="M83:O84"/>
    <mergeCell ref="V64:AB64"/>
    <mergeCell ref="A62:N62"/>
    <mergeCell ref="A85:C85"/>
    <mergeCell ref="G83:I84"/>
    <mergeCell ref="D83:F84"/>
    <mergeCell ref="A83:C83"/>
    <mergeCell ref="A84:C84"/>
    <mergeCell ref="A23:B24"/>
    <mergeCell ref="J95:L95"/>
    <mergeCell ref="D99:F99"/>
    <mergeCell ref="J96:L96"/>
    <mergeCell ref="G97:I97"/>
    <mergeCell ref="G95:I95"/>
    <mergeCell ref="G96:I96"/>
    <mergeCell ref="Y97:AA97"/>
    <mergeCell ref="Y98:AA98"/>
    <mergeCell ref="Y96:AA96"/>
    <mergeCell ref="V96:X96"/>
    <mergeCell ref="V97:X97"/>
    <mergeCell ref="V95:X95"/>
    <mergeCell ref="C48:O48"/>
    <mergeCell ref="A87:C87"/>
    <mergeCell ref="D87:F87"/>
    <mergeCell ref="G87:I87"/>
    <mergeCell ref="J87:L87"/>
    <mergeCell ref="A92:C92"/>
    <mergeCell ref="J92:L93"/>
    <mergeCell ref="C45:O45"/>
    <mergeCell ref="Y95:AA95"/>
    <mergeCell ref="V98:X98"/>
    <mergeCell ref="O62:AB62"/>
    <mergeCell ref="AE83:AG84"/>
    <mergeCell ref="AB85:AD85"/>
    <mergeCell ref="AE85:AG85"/>
    <mergeCell ref="AE87:AG87"/>
    <mergeCell ref="AB87:AD87"/>
    <mergeCell ref="AB109:AD109"/>
    <mergeCell ref="AE110:AG110"/>
    <mergeCell ref="AB110:AD110"/>
    <mergeCell ref="AE108:AG108"/>
    <mergeCell ref="AB98:AD98"/>
    <mergeCell ref="AE95:AG95"/>
    <mergeCell ref="AE96:AG96"/>
    <mergeCell ref="AE106:AG107"/>
    <mergeCell ref="AB96:AD96"/>
    <mergeCell ref="AB94:AD94"/>
    <mergeCell ref="AE94:AG94"/>
    <mergeCell ref="AE98:AG98"/>
    <mergeCell ref="AB97:AD97"/>
    <mergeCell ref="AE99:AG99"/>
    <mergeCell ref="AE97:AG97"/>
    <mergeCell ref="AB95:AD95"/>
    <mergeCell ref="AE109:AG109"/>
    <mergeCell ref="AB108:AD108"/>
    <mergeCell ref="AC62:AG62"/>
    <mergeCell ref="AC63:AG63"/>
    <mergeCell ref="G86:I86"/>
    <mergeCell ref="S97:U97"/>
    <mergeCell ref="P97:R97"/>
    <mergeCell ref="G94:I94"/>
    <mergeCell ref="O63:U63"/>
    <mergeCell ref="J86:L86"/>
    <mergeCell ref="S86:U86"/>
    <mergeCell ref="V92:X93"/>
    <mergeCell ref="P92:R93"/>
    <mergeCell ref="S92:U93"/>
    <mergeCell ref="S87:U87"/>
    <mergeCell ref="V85:X85"/>
    <mergeCell ref="V86:X86"/>
    <mergeCell ref="P96:R96"/>
    <mergeCell ref="V63:AB63"/>
    <mergeCell ref="AB83:AD84"/>
    <mergeCell ref="AE86:AG86"/>
    <mergeCell ref="AB86:AD86"/>
    <mergeCell ref="AE92:AG93"/>
    <mergeCell ref="AC64:AG64"/>
    <mergeCell ref="AB92:AD93"/>
    <mergeCell ref="AC88:AG88"/>
    <mergeCell ref="A1:AG1"/>
    <mergeCell ref="A50:AG50"/>
    <mergeCell ref="A64:G64"/>
    <mergeCell ref="H64:N64"/>
    <mergeCell ref="O64:U64"/>
    <mergeCell ref="S98:U98"/>
    <mergeCell ref="S95:U95"/>
    <mergeCell ref="S94:U94"/>
    <mergeCell ref="S96:U96"/>
    <mergeCell ref="A63:G63"/>
    <mergeCell ref="A94:C94"/>
    <mergeCell ref="A97:C97"/>
    <mergeCell ref="M98:O98"/>
    <mergeCell ref="M96:O96"/>
    <mergeCell ref="P95:R95"/>
    <mergeCell ref="M95:O95"/>
    <mergeCell ref="P98:R98"/>
    <mergeCell ref="Y87:AA87"/>
    <mergeCell ref="Y94:AA94"/>
    <mergeCell ref="Y92:AA93"/>
    <mergeCell ref="Y86:AA86"/>
    <mergeCell ref="M85:O85"/>
    <mergeCell ref="P85:R85"/>
    <mergeCell ref="P86:R86"/>
    <mergeCell ref="AE129:AG129"/>
    <mergeCell ref="Y126:AG126"/>
    <mergeCell ref="A105:E105"/>
    <mergeCell ref="F105:N105"/>
    <mergeCell ref="O105:U105"/>
    <mergeCell ref="A128:F128"/>
    <mergeCell ref="AE127:AG127"/>
    <mergeCell ref="S128:U128"/>
    <mergeCell ref="V128:X128"/>
    <mergeCell ref="AE128:AG128"/>
    <mergeCell ref="V129:X129"/>
    <mergeCell ref="AB128:AD128"/>
    <mergeCell ref="AB129:AD129"/>
    <mergeCell ref="Y128:AA128"/>
    <mergeCell ref="Y129:AA129"/>
    <mergeCell ref="Y127:AA127"/>
    <mergeCell ref="G129:I129"/>
    <mergeCell ref="J129:L129"/>
    <mergeCell ref="AB114:AD114"/>
    <mergeCell ref="Y113:AA113"/>
    <mergeCell ref="V105:X107"/>
    <mergeCell ref="V108:X108"/>
    <mergeCell ref="V111:X111"/>
    <mergeCell ref="Y105:AG105"/>
    <mergeCell ref="A131:F131"/>
    <mergeCell ref="A132:F132"/>
    <mergeCell ref="A129:F129"/>
    <mergeCell ref="G131:I131"/>
    <mergeCell ref="J131:L131"/>
    <mergeCell ref="G130:I130"/>
    <mergeCell ref="G132:I132"/>
    <mergeCell ref="A133:F133"/>
    <mergeCell ref="J132:L132"/>
    <mergeCell ref="Y142:AA142"/>
    <mergeCell ref="Y138:AA138"/>
    <mergeCell ref="Y140:AA140"/>
    <mergeCell ref="Y141:AA141"/>
    <mergeCell ref="Y139:AA139"/>
    <mergeCell ref="A138:F138"/>
    <mergeCell ref="A139:F139"/>
    <mergeCell ref="A140:F140"/>
    <mergeCell ref="S141:U141"/>
    <mergeCell ref="S138:U138"/>
    <mergeCell ref="P138:R138"/>
    <mergeCell ref="P140:R140"/>
    <mergeCell ref="P141:R141"/>
    <mergeCell ref="S139:U139"/>
    <mergeCell ref="P139:R139"/>
    <mergeCell ref="S142:U142"/>
    <mergeCell ref="J141:L141"/>
    <mergeCell ref="G141:I141"/>
    <mergeCell ref="J139:L139"/>
    <mergeCell ref="M140:O140"/>
    <mergeCell ref="M141:O141"/>
    <mergeCell ref="A141:F141"/>
    <mergeCell ref="A136:F136"/>
    <mergeCell ref="A137:F137"/>
    <mergeCell ref="M134:O134"/>
    <mergeCell ref="J135:L135"/>
    <mergeCell ref="A135:F135"/>
    <mergeCell ref="V133:X133"/>
    <mergeCell ref="J134:L134"/>
    <mergeCell ref="S133:U133"/>
    <mergeCell ref="A142:F142"/>
    <mergeCell ref="A134:F134"/>
    <mergeCell ref="G133:I133"/>
    <mergeCell ref="J133:L133"/>
    <mergeCell ref="M135:O135"/>
    <mergeCell ref="G134:I134"/>
    <mergeCell ref="G135:I135"/>
    <mergeCell ref="M136:O136"/>
    <mergeCell ref="M137:O137"/>
    <mergeCell ref="J137:L137"/>
    <mergeCell ref="V142:X142"/>
    <mergeCell ref="P142:R142"/>
    <mergeCell ref="V140:X140"/>
    <mergeCell ref="S140:U140"/>
    <mergeCell ref="P135:R135"/>
    <mergeCell ref="P136:R136"/>
    <mergeCell ref="S132:U132"/>
    <mergeCell ref="S134:U134"/>
    <mergeCell ref="Y134:AA134"/>
    <mergeCell ref="AB136:AD136"/>
    <mergeCell ref="Y137:AA137"/>
    <mergeCell ref="Y135:AA135"/>
    <mergeCell ref="S135:U135"/>
    <mergeCell ref="S137:U137"/>
    <mergeCell ref="Y136:AA136"/>
    <mergeCell ref="AB133:AD133"/>
    <mergeCell ref="AE139:AG139"/>
    <mergeCell ref="AE138:AG138"/>
    <mergeCell ref="V137:X137"/>
    <mergeCell ref="AE136:AG136"/>
    <mergeCell ref="AE135:AG135"/>
    <mergeCell ref="AB135:AD135"/>
    <mergeCell ref="Y131:AA131"/>
    <mergeCell ref="Y132:AA132"/>
    <mergeCell ref="Y133:AA133"/>
    <mergeCell ref="V138:X138"/>
    <mergeCell ref="S127:U127"/>
    <mergeCell ref="AE142:AG142"/>
    <mergeCell ref="AB134:AD134"/>
    <mergeCell ref="AE141:AG141"/>
    <mergeCell ref="AB139:AD139"/>
    <mergeCell ref="AE134:AG134"/>
    <mergeCell ref="AB137:AD137"/>
    <mergeCell ref="AE140:AG140"/>
    <mergeCell ref="AB142:AD142"/>
    <mergeCell ref="V130:X130"/>
    <mergeCell ref="Y130:AA130"/>
    <mergeCell ref="AB141:AD141"/>
    <mergeCell ref="AE137:AG137"/>
    <mergeCell ref="AE132:AG132"/>
    <mergeCell ref="AE131:AG131"/>
    <mergeCell ref="AE133:AG133"/>
    <mergeCell ref="AB131:AD131"/>
    <mergeCell ref="AB132:AD132"/>
    <mergeCell ref="AE130:AG130"/>
    <mergeCell ref="AB130:AD130"/>
    <mergeCell ref="V141:X141"/>
    <mergeCell ref="V139:X139"/>
    <mergeCell ref="AB138:AD138"/>
    <mergeCell ref="AB140:AD140"/>
    <mergeCell ref="A25:B48"/>
    <mergeCell ref="C26:G26"/>
    <mergeCell ref="A86:C86"/>
    <mergeCell ref="D86:F86"/>
    <mergeCell ref="G85:I85"/>
    <mergeCell ref="A98:C98"/>
    <mergeCell ref="A93:C93"/>
    <mergeCell ref="D92:F93"/>
    <mergeCell ref="H63:N63"/>
    <mergeCell ref="M86:O86"/>
    <mergeCell ref="M94:O94"/>
    <mergeCell ref="J83:L84"/>
    <mergeCell ref="G92:I93"/>
    <mergeCell ref="C47:O47"/>
    <mergeCell ref="C38:K38"/>
    <mergeCell ref="C39:K39"/>
    <mergeCell ref="L39:O42"/>
    <mergeCell ref="C40:K40"/>
    <mergeCell ref="C43:O43"/>
    <mergeCell ref="C44:O44"/>
    <mergeCell ref="C41:K41"/>
    <mergeCell ref="L37:O38"/>
    <mergeCell ref="C37:K37"/>
    <mergeCell ref="C42:K42"/>
    <mergeCell ref="A96:C96"/>
    <mergeCell ref="P94:R94"/>
    <mergeCell ref="P87:R87"/>
    <mergeCell ref="M87:O87"/>
    <mergeCell ref="M92:O93"/>
    <mergeCell ref="J94:L94"/>
    <mergeCell ref="D94:F94"/>
    <mergeCell ref="P126:X126"/>
    <mergeCell ref="M99:O99"/>
    <mergeCell ref="O106:R107"/>
    <mergeCell ref="P99:R99"/>
    <mergeCell ref="S99:U99"/>
    <mergeCell ref="A102:AG102"/>
    <mergeCell ref="AB106:AD107"/>
    <mergeCell ref="M97:O97"/>
    <mergeCell ref="A95:C95"/>
    <mergeCell ref="V87:X87"/>
    <mergeCell ref="AB99:AD99"/>
    <mergeCell ref="V99:X99"/>
    <mergeCell ref="Y106:AA107"/>
    <mergeCell ref="Y110:AA110"/>
    <mergeCell ref="AB113:AD113"/>
    <mergeCell ref="A106:E106"/>
    <mergeCell ref="F106:H107"/>
    <mergeCell ref="Y99:AA99"/>
    <mergeCell ref="V94:X94"/>
    <mergeCell ref="D85:F85"/>
    <mergeCell ref="J85:L85"/>
    <mergeCell ref="P137:R137"/>
    <mergeCell ref="D95:F95"/>
    <mergeCell ref="AB127:AD127"/>
    <mergeCell ref="S136:U136"/>
    <mergeCell ref="P130:R130"/>
    <mergeCell ref="S130:U130"/>
    <mergeCell ref="V131:X131"/>
    <mergeCell ref="P132:R132"/>
    <mergeCell ref="V132:X132"/>
    <mergeCell ref="P131:R131"/>
    <mergeCell ref="S131:U131"/>
    <mergeCell ref="P128:R128"/>
    <mergeCell ref="V134:X134"/>
    <mergeCell ref="V136:X136"/>
    <mergeCell ref="V135:X135"/>
    <mergeCell ref="P129:R129"/>
    <mergeCell ref="S129:U129"/>
    <mergeCell ref="P133:R133"/>
    <mergeCell ref="P134:R134"/>
    <mergeCell ref="P127:R127"/>
  </mergeCells>
  <phoneticPr fontId="2"/>
  <printOptions horizontalCentered="1"/>
  <pageMargins left="0.78740157480314965" right="0.78740157480314965" top="0.78740157480314965" bottom="0.78740157480314965" header="0.51181102362204722" footer="0.39370078740157483"/>
  <pageSetup paperSize="9" orientation="portrait" useFirstPageNumber="1" r:id="rId2"/>
  <headerFooter alignWithMargins="0">
    <oddFooter>&amp;C&amp;10- &amp;P -</oddFooter>
  </headerFooter>
  <rowBreaks count="3" manualBreakCount="3">
    <brk id="49" max="32" man="1"/>
    <brk id="89" max="32" man="1"/>
    <brk id="101" max="32" man="1"/>
  </rowBreaks>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土地・気象</vt:lpstr>
      <vt:lpstr>土地・気象!Print_Area</vt:lpstr>
    </vt:vector>
  </TitlesOfParts>
  <Company>京田辺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972</dc:creator>
  <cp:lastModifiedBy>京田辺市役所</cp:lastModifiedBy>
  <cp:lastPrinted>2023-03-20T10:16:40Z</cp:lastPrinted>
  <dcterms:created xsi:type="dcterms:W3CDTF">2006-12-15T04:21:05Z</dcterms:created>
  <dcterms:modified xsi:type="dcterms:W3CDTF">2026-03-21T07:04:12Z</dcterms:modified>
</cp:coreProperties>
</file>